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xl/workbook.xml" ContentType="application/vnd.ms-excel.sheet.macroEnabled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xl/vbaProject.bin" ContentType="application/vnd.ms-office.vbaProject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 codeName="{4D1C537B-E38A-612A-F078-A93A15B4B7F4}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3817046\Downloads\"/>
    </mc:Choice>
  </mc:AlternateContent>
  <xr:revisionPtr revIDLastSave="0" documentId="13_ncr:1_{77AFD289-983C-4D27-B1FF-61321E55D9E5}" xr6:coauthVersionLast="46" xr6:coauthVersionMax="46" xr10:uidLastSave="{00000000-0000-0000-0000-000000000000}"/>
  <bookViews>
    <workbookView xWindow="-110" yWindow="-110" windowWidth="19420" windowHeight="10420" tabRatio="812" firstSheet="5" activeTab="5" xr2:uid="{A52800A5-0DD8-4946-AF7D-1FDD0EF82CC2}"/>
  </bookViews>
  <sheets>
    <sheet name="RegistroInf" sheetId="5" state="veryHidden" r:id="rId1"/>
    <sheet name="Edos_Mpios" sheetId="2" state="veryHidden" r:id="rId2"/>
    <sheet name="Filtro_Edo_Mpios" sheetId="3" state="veryHidden" r:id="rId3"/>
    <sheet name="Diagrama" sheetId="8" state="veryHidden" r:id="rId4"/>
    <sheet name="Solicitud" sheetId="9" state="veryHidden" r:id="rId5"/>
    <sheet name="Presupuesto y Programa de Obra" sheetId="1" r:id="rId6"/>
  </sheets>
  <definedNames>
    <definedName name="_xlnm._FilterDatabase" localSheetId="1" hidden="1">Edos_Mpios!$A$1:$C$2478</definedName>
    <definedName name="_xlnm._FilterDatabase" localSheetId="2" hidden="1">Filtro_Edo_Mpios!$C$1:$E$250</definedName>
    <definedName name="_xlnm.Extract" localSheetId="1">Edos_Mpios!$C$1:$D$1</definedName>
    <definedName name="_xlnm.Extract" localSheetId="2">Filtro_Edo_Mpios!$J$1:$K$1</definedName>
    <definedName name="_xlnm.Print_Area" localSheetId="3">Diagrama!$A$1:$AZ$52</definedName>
    <definedName name="_xlnm.Print_Area" localSheetId="4">Solicitud!$A$1:$Q$81</definedName>
    <definedName name="_xlnm.Criteria" localSheetId="1">Edos_Mpios!$A$1:$A$2</definedName>
    <definedName name="_xlnm.Criteria" localSheetId="2">Filtro_Edo_Mpios!$H$1:$H$2</definedName>
    <definedName name="DB_EDOS">Edos_Mpios!$A$1:$B$246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X7" i="5" l="1"/>
  <c r="M42" i="9" l="1"/>
  <c r="M40" i="9"/>
  <c r="M38" i="9"/>
  <c r="L42" i="9"/>
  <c r="L40" i="9"/>
  <c r="L38" i="9"/>
  <c r="X6" i="5" l="1"/>
  <c r="Q23" i="5" l="1"/>
  <c r="Q22" i="5"/>
  <c r="A19" i="1" l="1"/>
  <c r="E41" i="8" l="1"/>
  <c r="D38" i="8" l="1"/>
  <c r="D37" i="8"/>
  <c r="E50" i="8"/>
  <c r="E48" i="8"/>
  <c r="E45" i="8"/>
  <c r="E43" i="8"/>
  <c r="D36" i="8"/>
  <c r="D35" i="8"/>
  <c r="D34" i="8"/>
  <c r="D33" i="8"/>
  <c r="D32" i="8"/>
  <c r="D31" i="8"/>
  <c r="D30" i="8"/>
  <c r="D29" i="8"/>
  <c r="D28" i="8"/>
  <c r="D27" i="8"/>
  <c r="D26" i="8"/>
  <c r="D25" i="8"/>
  <c r="D24" i="8"/>
  <c r="D23" i="8"/>
  <c r="C36" i="8"/>
  <c r="C35" i="8"/>
  <c r="C34" i="8"/>
  <c r="C33" i="8"/>
  <c r="C32" i="8"/>
  <c r="C31" i="8"/>
  <c r="C30" i="8"/>
  <c r="C29" i="8"/>
  <c r="C28" i="8"/>
  <c r="C27" i="8"/>
  <c r="C26" i="8"/>
  <c r="C25" i="8"/>
  <c r="C24" i="8"/>
  <c r="C23" i="8"/>
  <c r="B23" i="8"/>
  <c r="F69" i="9"/>
  <c r="F60" i="9"/>
  <c r="F52" i="9"/>
  <c r="E60" i="9"/>
  <c r="E59" i="9"/>
  <c r="E58" i="9"/>
  <c r="E57" i="9"/>
  <c r="E56" i="9"/>
  <c r="E55" i="9"/>
  <c r="E69" i="9"/>
  <c r="E68" i="9"/>
  <c r="E67" i="9"/>
  <c r="E66" i="9"/>
  <c r="E65" i="9"/>
  <c r="E64" i="9"/>
  <c r="E63" i="9"/>
  <c r="E52" i="9"/>
  <c r="E51" i="9"/>
  <c r="E50" i="9"/>
  <c r="E49" i="9"/>
  <c r="M70" i="9" l="1"/>
  <c r="J48" i="9"/>
  <c r="L56" i="9"/>
  <c r="L60" i="9"/>
  <c r="O16" i="9"/>
  <c r="O15" i="9"/>
  <c r="O14" i="9"/>
  <c r="O13" i="9"/>
  <c r="O12" i="9"/>
  <c r="O11" i="9"/>
  <c r="O10" i="9"/>
  <c r="O9" i="9"/>
  <c r="O8" i="9"/>
  <c r="O7" i="9"/>
  <c r="L21" i="9"/>
  <c r="L20" i="9"/>
  <c r="L19" i="9"/>
  <c r="L18" i="9"/>
  <c r="L17" i="9"/>
  <c r="L16" i="9"/>
  <c r="L15" i="9"/>
  <c r="L14" i="9"/>
  <c r="L13" i="9"/>
  <c r="L12" i="9"/>
  <c r="L11" i="9"/>
  <c r="L10" i="9"/>
  <c r="L9" i="9"/>
  <c r="L8" i="9"/>
  <c r="L7" i="9"/>
  <c r="M33" i="9"/>
  <c r="M32" i="9"/>
  <c r="M31" i="9"/>
  <c r="M30" i="9"/>
  <c r="M29" i="9"/>
  <c r="M28" i="9"/>
  <c r="M27" i="9"/>
  <c r="M26" i="9"/>
  <c r="M25" i="9"/>
  <c r="E7" i="9"/>
  <c r="J75" i="9" s="1"/>
  <c r="E18" i="9"/>
  <c r="E16" i="9" l="1"/>
  <c r="E14" i="9"/>
  <c r="E12" i="9"/>
  <c r="E9" i="9"/>
  <c r="U23" i="5" l="1"/>
  <c r="U22" i="5"/>
  <c r="D38" i="9" l="1"/>
  <c r="D39" i="9"/>
  <c r="U21" i="5"/>
  <c r="U20" i="5"/>
  <c r="U19" i="5"/>
  <c r="U18" i="5"/>
  <c r="U17" i="5"/>
  <c r="U16" i="5"/>
  <c r="U15" i="5"/>
  <c r="U14" i="5"/>
  <c r="U13" i="5"/>
  <c r="U12" i="5"/>
  <c r="U11" i="5"/>
  <c r="U10" i="5"/>
  <c r="U9" i="5"/>
  <c r="C19" i="8" l="1"/>
  <c r="C38" i="8" s="1"/>
  <c r="C18" i="8"/>
  <c r="C37" i="8" s="1"/>
  <c r="D1" i="8" l="1"/>
  <c r="C6" i="5"/>
  <c r="E43" i="9" s="1"/>
  <c r="N24" i="5" l="1"/>
  <c r="N16" i="5"/>
  <c r="N8" i="5"/>
  <c r="I33" i="5" l="1"/>
  <c r="I32" i="5"/>
  <c r="I31" i="5"/>
  <c r="I30" i="5"/>
  <c r="I29" i="5"/>
  <c r="I28" i="5"/>
  <c r="I27" i="5"/>
  <c r="I23" i="5"/>
  <c r="I22" i="5"/>
  <c r="I21" i="5"/>
  <c r="I20" i="5"/>
  <c r="I19" i="5"/>
  <c r="I18" i="5"/>
  <c r="I14" i="5"/>
  <c r="I13" i="5"/>
  <c r="I12" i="5"/>
  <c r="I11" i="5"/>
  <c r="I10" i="5" l="1"/>
  <c r="W30" i="5"/>
  <c r="X5" i="5"/>
  <c r="Q20" i="5"/>
  <c r="V20" i="5" s="1"/>
  <c r="M50" i="5"/>
  <c r="V27" i="5" s="1"/>
  <c r="Q18" i="5"/>
  <c r="V18" i="5" s="1"/>
  <c r="Q15" i="5"/>
  <c r="V15" i="5" s="1"/>
  <c r="Q12" i="5"/>
  <c r="V12" i="5" s="1"/>
  <c r="Q13" i="5"/>
  <c r="V13" i="5" s="1"/>
  <c r="Q14" i="5"/>
  <c r="V14" i="5" s="1"/>
  <c r="Q17" i="5"/>
  <c r="V17" i="5" s="1"/>
  <c r="M33" i="5"/>
  <c r="V26" i="5" s="1"/>
  <c r="Q11" i="5"/>
  <c r="V11" i="5" s="1"/>
  <c r="Q10" i="5"/>
  <c r="V10" i="5" s="1"/>
  <c r="Q9" i="5"/>
  <c r="V9" i="5" s="1"/>
  <c r="T22" i="5" l="1"/>
  <c r="T23" i="5"/>
  <c r="T17" i="5"/>
  <c r="T12" i="5"/>
  <c r="W12" i="5" s="1"/>
  <c r="E28" i="9" s="1"/>
  <c r="T11" i="5"/>
  <c r="W11" i="5" s="1"/>
  <c r="E27" i="9" s="1"/>
  <c r="T20" i="5"/>
  <c r="T14" i="5"/>
  <c r="T13" i="5"/>
  <c r="W13" i="5" s="1"/>
  <c r="E29" i="9" s="1"/>
  <c r="T21" i="5"/>
  <c r="T9" i="5"/>
  <c r="W9" i="5" s="1"/>
  <c r="E25" i="9" s="1"/>
  <c r="T10" i="5"/>
  <c r="W10" i="5" s="1"/>
  <c r="E26" i="9" s="1"/>
  <c r="T18" i="5"/>
  <c r="T16" i="5"/>
  <c r="T15" i="5"/>
  <c r="T19" i="5"/>
  <c r="D41" i="9"/>
  <c r="D40" i="9"/>
  <c r="V23" i="5"/>
  <c r="V22" i="5"/>
  <c r="Q21" i="5"/>
  <c r="V21" i="5" s="1"/>
  <c r="I26" i="5"/>
  <c r="Q16" i="5" s="1"/>
  <c r="V16" i="5" s="1"/>
  <c r="I17" i="5"/>
  <c r="Q19" i="5" s="1"/>
  <c r="V19" i="5" s="1"/>
  <c r="W22" i="5" l="1"/>
  <c r="E38" i="9" s="1"/>
  <c r="W23" i="5"/>
  <c r="E39" i="9" s="1"/>
  <c r="W15" i="5"/>
  <c r="E31" i="9" s="1"/>
  <c r="W14" i="5"/>
  <c r="E30" i="9" s="1"/>
  <c r="W16" i="5" l="1"/>
  <c r="E32" i="9" s="1"/>
  <c r="W17" i="5"/>
  <c r="E33" i="9" s="1"/>
  <c r="W19" i="5" l="1"/>
  <c r="E35" i="9" s="1"/>
  <c r="W18" i="5"/>
  <c r="E34" i="9" s="1"/>
  <c r="W20" i="5" l="1"/>
  <c r="E36" i="9" s="1"/>
  <c r="W21" i="5"/>
  <c r="E37" i="9" s="1"/>
  <c r="W24" i="5" l="1"/>
  <c r="W25" i="5" l="1"/>
  <c r="W26" i="5" l="1"/>
  <c r="E40" i="9" s="1"/>
  <c r="W27" i="5"/>
  <c r="E41" i="9" s="1"/>
  <c r="E42" i="9" l="1"/>
  <c r="E44" i="9" s="1"/>
  <c r="W28" i="5"/>
  <c r="X23" i="5" l="1"/>
  <c r="F39" i="9" s="1"/>
  <c r="X22" i="5"/>
  <c r="F38" i="9" s="1"/>
  <c r="W29" i="5"/>
  <c r="W31" i="5" s="1"/>
  <c r="X11" i="5"/>
  <c r="F27" i="9" s="1"/>
  <c r="X13" i="5"/>
  <c r="F29" i="9" s="1"/>
  <c r="X10" i="5"/>
  <c r="F26" i="9" s="1"/>
  <c r="X9" i="5"/>
  <c r="F25" i="9" s="1"/>
  <c r="X12" i="5"/>
  <c r="F28" i="9" s="1"/>
  <c r="X14" i="5"/>
  <c r="F30" i="9" s="1"/>
  <c r="X15" i="5"/>
  <c r="F31" i="9" s="1"/>
  <c r="X16" i="5"/>
  <c r="F32" i="9" s="1"/>
  <c r="X17" i="5"/>
  <c r="F33" i="9" s="1"/>
  <c r="X18" i="5"/>
  <c r="F34" i="9" s="1"/>
  <c r="X19" i="5"/>
  <c r="F35" i="9" s="1"/>
  <c r="X21" i="5"/>
  <c r="F37" i="9" s="1"/>
  <c r="X20" i="5"/>
  <c r="F36" i="9" s="1"/>
  <c r="X27" i="5"/>
  <c r="F41" i="9" s="1"/>
  <c r="X26" i="5"/>
  <c r="F40" i="9" s="1"/>
  <c r="W32" i="5" l="1"/>
  <c r="F1" i="5" s="1"/>
  <c r="F2" i="5"/>
  <c r="L64" i="9" s="1"/>
  <c r="X28" i="5"/>
  <c r="L62" i="9" l="1"/>
  <c r="F4" i="5"/>
  <c r="L58" i="9" s="1"/>
</calcChain>
</file>

<file path=xl/sharedStrings.xml><?xml version="1.0" encoding="utf-8"?>
<sst xmlns="http://schemas.openxmlformats.org/spreadsheetml/2006/main" count="6036" uniqueCount="2748">
  <si>
    <t>Estado</t>
  </si>
  <si>
    <t>Municipio</t>
  </si>
  <si>
    <t>Aguascalientes</t>
  </si>
  <si>
    <t>Asientos</t>
  </si>
  <si>
    <t>Calvillo</t>
  </si>
  <si>
    <t>Cosio</t>
  </si>
  <si>
    <t>Jesus Maria</t>
  </si>
  <si>
    <t>Pabellon De Arteaga</t>
  </si>
  <si>
    <t>Rincon De Romos</t>
  </si>
  <si>
    <t>San Jose De Gracia</t>
  </si>
  <si>
    <t>Tepezala</t>
  </si>
  <si>
    <t>El Llano</t>
  </si>
  <si>
    <t>San Francisco De Los Romo</t>
  </si>
  <si>
    <t>Baja California</t>
  </si>
  <si>
    <t>Ensenada</t>
  </si>
  <si>
    <t>Mexicali</t>
  </si>
  <si>
    <t>Tecate</t>
  </si>
  <si>
    <t>Tijuana</t>
  </si>
  <si>
    <t>Playas De Rosarito</t>
  </si>
  <si>
    <t>Baja California Sur</t>
  </si>
  <si>
    <t>Comondu</t>
  </si>
  <si>
    <t>Mulege</t>
  </si>
  <si>
    <t>La Paz</t>
  </si>
  <si>
    <t>Los Cabos</t>
  </si>
  <si>
    <t>Loreto</t>
  </si>
  <si>
    <t>Campeche</t>
  </si>
  <si>
    <t>Calkini</t>
  </si>
  <si>
    <t>Carmen</t>
  </si>
  <si>
    <t>Champoton</t>
  </si>
  <si>
    <t>Hecelchakan</t>
  </si>
  <si>
    <t>Hopelchen</t>
  </si>
  <si>
    <t>Palizada</t>
  </si>
  <si>
    <t>Tenabo</t>
  </si>
  <si>
    <t>Escarcega</t>
  </si>
  <si>
    <t>Calakmul</t>
  </si>
  <si>
    <t>Candelaria</t>
  </si>
  <si>
    <t>Colima</t>
  </si>
  <si>
    <t>Armeria</t>
  </si>
  <si>
    <t>Comala</t>
  </si>
  <si>
    <t>Coquimatlan</t>
  </si>
  <si>
    <t>Cuauhtemoc</t>
  </si>
  <si>
    <t>Ixtlahuacan</t>
  </si>
  <si>
    <t>Manzanillo</t>
  </si>
  <si>
    <t>Minatitlan</t>
  </si>
  <si>
    <t>Tecoman</t>
  </si>
  <si>
    <t>Durango</t>
  </si>
  <si>
    <t>Canatlan</t>
  </si>
  <si>
    <t>Canelas</t>
  </si>
  <si>
    <t>Coneto De Comonfort</t>
  </si>
  <si>
    <t>Cuencame</t>
  </si>
  <si>
    <t>General Simon Bolivar</t>
  </si>
  <si>
    <t>Gomez Palacio</t>
  </si>
  <si>
    <t>Guadalupe Victoria</t>
  </si>
  <si>
    <t>Guanacevi</t>
  </si>
  <si>
    <t>Hidalgo</t>
  </si>
  <si>
    <t>Inde</t>
  </si>
  <si>
    <t>Lerdo</t>
  </si>
  <si>
    <t>Mapimi</t>
  </si>
  <si>
    <t>Mezquital</t>
  </si>
  <si>
    <t>Nazas</t>
  </si>
  <si>
    <t>Nombre De Dios</t>
  </si>
  <si>
    <t>Ocampo</t>
  </si>
  <si>
    <t>El Oro</t>
  </si>
  <si>
    <t>Otaez</t>
  </si>
  <si>
    <t>Panuco De Coronado</t>
  </si>
  <si>
    <t>Peñon Blanco</t>
  </si>
  <si>
    <t>Poanas</t>
  </si>
  <si>
    <t>Pueblo Nuevo</t>
  </si>
  <si>
    <t>Rodeo</t>
  </si>
  <si>
    <t>San Bernardo</t>
  </si>
  <si>
    <t>San Dimas</t>
  </si>
  <si>
    <t>San Juan De Guadalupe</t>
  </si>
  <si>
    <t>San Juan Del Rio</t>
  </si>
  <si>
    <t>San Luis Del Cordero</t>
  </si>
  <si>
    <t>San Pedro Del Gallo</t>
  </si>
  <si>
    <t>Santa Clara</t>
  </si>
  <si>
    <t>Santiago Papasquiaro</t>
  </si>
  <si>
    <t>Suchil</t>
  </si>
  <si>
    <t>Tamazula</t>
  </si>
  <si>
    <t>Tepehuanes</t>
  </si>
  <si>
    <t>Tlahualilo</t>
  </si>
  <si>
    <t>Topia</t>
  </si>
  <si>
    <t>Vicente Guerrero</t>
  </si>
  <si>
    <t>Nuevo Ideal</t>
  </si>
  <si>
    <t>Coahuila De Zaragoza</t>
  </si>
  <si>
    <t>Abasolo</t>
  </si>
  <si>
    <t>Allende</t>
  </si>
  <si>
    <t>Arteaga</t>
  </si>
  <si>
    <t>Candela</t>
  </si>
  <si>
    <t>Castaños</t>
  </si>
  <si>
    <t>Cuatro Cienegas</t>
  </si>
  <si>
    <t>Escobedo</t>
  </si>
  <si>
    <t>Francisco I. Madero</t>
  </si>
  <si>
    <t>Frontera</t>
  </si>
  <si>
    <t>General Cepeda</t>
  </si>
  <si>
    <t>Guerrero</t>
  </si>
  <si>
    <t>Jimenez</t>
  </si>
  <si>
    <t>Juarez</t>
  </si>
  <si>
    <t>Lamadrid</t>
  </si>
  <si>
    <t>Matamoros</t>
  </si>
  <si>
    <t>Monclova</t>
  </si>
  <si>
    <t>Morelos</t>
  </si>
  <si>
    <t>Muzquiz</t>
  </si>
  <si>
    <t>Nadadores</t>
  </si>
  <si>
    <t>Nava</t>
  </si>
  <si>
    <t>Parras</t>
  </si>
  <si>
    <t>Piedras Negras</t>
  </si>
  <si>
    <t>Progreso</t>
  </si>
  <si>
    <t>Ramos Arizpe</t>
  </si>
  <si>
    <t>Sabinas</t>
  </si>
  <si>
    <t>Sacramento</t>
  </si>
  <si>
    <t>Saltillo</t>
  </si>
  <si>
    <t>San Buenaventura</t>
  </si>
  <si>
    <t>San Juan De Sabinas</t>
  </si>
  <si>
    <t>San Pedro</t>
  </si>
  <si>
    <t>Sierra Mojada</t>
  </si>
  <si>
    <t>Torreon</t>
  </si>
  <si>
    <t>Viesca</t>
  </si>
  <si>
    <t>Villa Union</t>
  </si>
  <si>
    <t>Zaragoza</t>
  </si>
  <si>
    <t>Azcapotzalco</t>
  </si>
  <si>
    <t>Coyoacan</t>
  </si>
  <si>
    <t>Cuajimalpa De Morelos</t>
  </si>
  <si>
    <t>Gustavo A. Madero</t>
  </si>
  <si>
    <t>Iztacalco</t>
  </si>
  <si>
    <t>Iztapalapa</t>
  </si>
  <si>
    <t>Milpa Alta</t>
  </si>
  <si>
    <t>Tlahuac</t>
  </si>
  <si>
    <t>Tlalpan</t>
  </si>
  <si>
    <t>Xochimilco</t>
  </si>
  <si>
    <t>Benito Juarez</t>
  </si>
  <si>
    <t>Miguel Hidalgo</t>
  </si>
  <si>
    <t>Venustiano Carranza</t>
  </si>
  <si>
    <t>Guanajuato</t>
  </si>
  <si>
    <t>Acambaro</t>
  </si>
  <si>
    <t>San Miguel De Allende</t>
  </si>
  <si>
    <t>Apaseo El Alto</t>
  </si>
  <si>
    <t>Apaseo El Grande</t>
  </si>
  <si>
    <t>Atarjea</t>
  </si>
  <si>
    <t>Celaya</t>
  </si>
  <si>
    <t>Manuel Doblado</t>
  </si>
  <si>
    <t>Comonfort</t>
  </si>
  <si>
    <t>Coroneo</t>
  </si>
  <si>
    <t>Cortazar</t>
  </si>
  <si>
    <t>Cueramaro</t>
  </si>
  <si>
    <t>Doctor Mora</t>
  </si>
  <si>
    <t>Dolores Hidalgo Cuna De La Independencia Nacional</t>
  </si>
  <si>
    <t>Huanimaro</t>
  </si>
  <si>
    <t>Irapuato</t>
  </si>
  <si>
    <t>Jaral Del Progreso</t>
  </si>
  <si>
    <t>Jerecuaro</t>
  </si>
  <si>
    <t>Leon</t>
  </si>
  <si>
    <t>Moroleon</t>
  </si>
  <si>
    <t>Penjamo</t>
  </si>
  <si>
    <t>Purisima Del Rincon</t>
  </si>
  <si>
    <t>Romita</t>
  </si>
  <si>
    <t>Salamanca</t>
  </si>
  <si>
    <t>Salvatierra</t>
  </si>
  <si>
    <t>San Diego De La Union</t>
  </si>
  <si>
    <t>San Felipe</t>
  </si>
  <si>
    <t>San Francisco Del Rincon</t>
  </si>
  <si>
    <t>San Jose Iturbide</t>
  </si>
  <si>
    <t>San Luis De La Paz</t>
  </si>
  <si>
    <t>Santa Catarina</t>
  </si>
  <si>
    <t>Santa Cruz De Juventino Rosas</t>
  </si>
  <si>
    <t>Santiago Maravatio</t>
  </si>
  <si>
    <t>Silao</t>
  </si>
  <si>
    <t>Tarandacuao</t>
  </si>
  <si>
    <t>Tarimoro</t>
  </si>
  <si>
    <t>Tierra Blanca</t>
  </si>
  <si>
    <t>Uriangato</t>
  </si>
  <si>
    <t>Valle De Santiago</t>
  </si>
  <si>
    <t>Victoria</t>
  </si>
  <si>
    <t>Villagran</t>
  </si>
  <si>
    <t>Xichu</t>
  </si>
  <si>
    <t>Yuriria</t>
  </si>
  <si>
    <t>Chiapas</t>
  </si>
  <si>
    <t>Acacoyagua</t>
  </si>
  <si>
    <t>Acala</t>
  </si>
  <si>
    <t>Acapetahua</t>
  </si>
  <si>
    <t>Altamirano</t>
  </si>
  <si>
    <t>Amatan</t>
  </si>
  <si>
    <t>Amatenango De La Frontera</t>
  </si>
  <si>
    <t>Amatenango Del Valle</t>
  </si>
  <si>
    <t>Angel Albino Corzo</t>
  </si>
  <si>
    <t>Arriaga</t>
  </si>
  <si>
    <t>Bejucal De Ocampo</t>
  </si>
  <si>
    <t>Bella Vista</t>
  </si>
  <si>
    <t>Berriozabal</t>
  </si>
  <si>
    <t>Bochil</t>
  </si>
  <si>
    <t>El Bosque</t>
  </si>
  <si>
    <t>Cacahoatan</t>
  </si>
  <si>
    <t>Catazaja</t>
  </si>
  <si>
    <t>Cintalapa</t>
  </si>
  <si>
    <t>Coapilla</t>
  </si>
  <si>
    <t>Comitan De Dominguez</t>
  </si>
  <si>
    <t>La Concordia</t>
  </si>
  <si>
    <t>Copainala</t>
  </si>
  <si>
    <t>Chalchihuitan</t>
  </si>
  <si>
    <t>Chamula</t>
  </si>
  <si>
    <t>Chanal</t>
  </si>
  <si>
    <t>Chapultenango</t>
  </si>
  <si>
    <t>Chenalho</t>
  </si>
  <si>
    <t>Chiapa De Corzo</t>
  </si>
  <si>
    <t>Chiapilla</t>
  </si>
  <si>
    <t>Chicoasen</t>
  </si>
  <si>
    <t>Chicomuselo</t>
  </si>
  <si>
    <t>Chilon</t>
  </si>
  <si>
    <t>Escuintla</t>
  </si>
  <si>
    <t>Francisco Leon</t>
  </si>
  <si>
    <t>Frontera Comalapa</t>
  </si>
  <si>
    <t>Frontera Hidalgo</t>
  </si>
  <si>
    <t>La Grandeza</t>
  </si>
  <si>
    <t>Huehuetan</t>
  </si>
  <si>
    <t>Huixtan</t>
  </si>
  <si>
    <t>Huitiupan</t>
  </si>
  <si>
    <t>Huixtla</t>
  </si>
  <si>
    <t>La Independencia</t>
  </si>
  <si>
    <t>Ixhuatan</t>
  </si>
  <si>
    <t>Ixtacomitan</t>
  </si>
  <si>
    <t>Ixtapa</t>
  </si>
  <si>
    <t>Ixtapangajoya</t>
  </si>
  <si>
    <t>Jiquipilas</t>
  </si>
  <si>
    <t>Jitotol</t>
  </si>
  <si>
    <t>Larrainzar</t>
  </si>
  <si>
    <t>La Libertad</t>
  </si>
  <si>
    <t>Mapastepec</t>
  </si>
  <si>
    <t>Las Margaritas</t>
  </si>
  <si>
    <t>Mazapa De Madero</t>
  </si>
  <si>
    <t>Mazatan</t>
  </si>
  <si>
    <t>Metapa</t>
  </si>
  <si>
    <t>Mitontic</t>
  </si>
  <si>
    <t>Motozintla</t>
  </si>
  <si>
    <t>Nicolas Ruiz</t>
  </si>
  <si>
    <t>Ocosingo</t>
  </si>
  <si>
    <t>Ocotepec</t>
  </si>
  <si>
    <t>Ocozocoautla De Espinosa</t>
  </si>
  <si>
    <t>Ostuacan</t>
  </si>
  <si>
    <t>Osumacinta</t>
  </si>
  <si>
    <t>Oxchuc</t>
  </si>
  <si>
    <t>Palenque</t>
  </si>
  <si>
    <t>Pantelho</t>
  </si>
  <si>
    <t>Pantepec</t>
  </si>
  <si>
    <t>Pichucalco</t>
  </si>
  <si>
    <t>Pijijiapan</t>
  </si>
  <si>
    <t>El Porvenir</t>
  </si>
  <si>
    <t>Villa Comaltitlan</t>
  </si>
  <si>
    <t>Pueblo Nuevo Solistahuacan</t>
  </si>
  <si>
    <t>Rayon</t>
  </si>
  <si>
    <t>Reforma</t>
  </si>
  <si>
    <t>Las Rosas</t>
  </si>
  <si>
    <t>Sabanilla</t>
  </si>
  <si>
    <t>Salto De Agua</t>
  </si>
  <si>
    <t>San Cristobal De Las Casas</t>
  </si>
  <si>
    <t>San Fernando</t>
  </si>
  <si>
    <t>Siltepec</t>
  </si>
  <si>
    <t>Simojovel</t>
  </si>
  <si>
    <t>Sitala</t>
  </si>
  <si>
    <t>Socoltenango</t>
  </si>
  <si>
    <t>Solosuchiapa</t>
  </si>
  <si>
    <t>Soyalo</t>
  </si>
  <si>
    <t>Suchiapa</t>
  </si>
  <si>
    <t>Suchiate</t>
  </si>
  <si>
    <t>Sunuapa</t>
  </si>
  <si>
    <t>Tapachula</t>
  </si>
  <si>
    <t>Tapalapa</t>
  </si>
  <si>
    <t>Tapilula</t>
  </si>
  <si>
    <t>Tecpatan</t>
  </si>
  <si>
    <t>Tenejapa</t>
  </si>
  <si>
    <t>Teopisca</t>
  </si>
  <si>
    <t>Tila</t>
  </si>
  <si>
    <t>Tonala</t>
  </si>
  <si>
    <t>Totolapa</t>
  </si>
  <si>
    <t>La Trinitaria</t>
  </si>
  <si>
    <t>Tumbala</t>
  </si>
  <si>
    <t>Tuxtla Gutierrez</t>
  </si>
  <si>
    <t>Tuxtla Chico</t>
  </si>
  <si>
    <t>Tuzantan</t>
  </si>
  <si>
    <t>Tzimol</t>
  </si>
  <si>
    <t>Union Juarez</t>
  </si>
  <si>
    <t>Villa Corzo</t>
  </si>
  <si>
    <t>Villaflores</t>
  </si>
  <si>
    <t>Yajalon</t>
  </si>
  <si>
    <t>San Lucas</t>
  </si>
  <si>
    <t>Zinacantan</t>
  </si>
  <si>
    <t>San Juan Cancuc</t>
  </si>
  <si>
    <t>Aldama</t>
  </si>
  <si>
    <t>Benemerito De Las Americas</t>
  </si>
  <si>
    <t>Maravilla Tenejapa</t>
  </si>
  <si>
    <t>Marques De Comillas</t>
  </si>
  <si>
    <t>Montecristo De Guerrero</t>
  </si>
  <si>
    <t>San Andres Duraznal</t>
  </si>
  <si>
    <t>Santiago El Pinar</t>
  </si>
  <si>
    <t>Chihuahua</t>
  </si>
  <si>
    <t>Ahumada</t>
  </si>
  <si>
    <t>Aquiles Serdan</t>
  </si>
  <si>
    <t>Ascension</t>
  </si>
  <si>
    <t>Bachiniva</t>
  </si>
  <si>
    <t>Balleza</t>
  </si>
  <si>
    <t>Batopilas</t>
  </si>
  <si>
    <t>Bocoyna</t>
  </si>
  <si>
    <t>Buenaventura</t>
  </si>
  <si>
    <t>Camargo</t>
  </si>
  <si>
    <t>Carichi</t>
  </si>
  <si>
    <t>Casas Grandes</t>
  </si>
  <si>
    <t>Coronado</t>
  </si>
  <si>
    <t>Coyame Del Sotol</t>
  </si>
  <si>
    <t>La Cruz</t>
  </si>
  <si>
    <t>Cusihuiriachi</t>
  </si>
  <si>
    <t>Chinipas</t>
  </si>
  <si>
    <t>Delicias</t>
  </si>
  <si>
    <t>Dr. Belisario Dominguez</t>
  </si>
  <si>
    <t>Galeana</t>
  </si>
  <si>
    <t>Santa Isabel</t>
  </si>
  <si>
    <t>Gomez Farias</t>
  </si>
  <si>
    <t>Gran Morelos</t>
  </si>
  <si>
    <t>Guachochi</t>
  </si>
  <si>
    <t>Guadalupe</t>
  </si>
  <si>
    <t>Guadalupe Y Calvo</t>
  </si>
  <si>
    <t>Guazapares</t>
  </si>
  <si>
    <t>Hidalgo Del Parral</t>
  </si>
  <si>
    <t>Huejotitan</t>
  </si>
  <si>
    <t>Ignacio Zaragoza</t>
  </si>
  <si>
    <t>Janos</t>
  </si>
  <si>
    <t>Julimes</t>
  </si>
  <si>
    <t>Lopez</t>
  </si>
  <si>
    <t>Madera</t>
  </si>
  <si>
    <t>Maguarichi</t>
  </si>
  <si>
    <t>Manuel Benavides</t>
  </si>
  <si>
    <t>Matachi</t>
  </si>
  <si>
    <t>Meoqui</t>
  </si>
  <si>
    <t>Moris</t>
  </si>
  <si>
    <t>Namiquipa</t>
  </si>
  <si>
    <t>Nonoava</t>
  </si>
  <si>
    <t>Nuevo Casas Grandes</t>
  </si>
  <si>
    <t>Ojinaga</t>
  </si>
  <si>
    <t>Praxedis G. Guerrero</t>
  </si>
  <si>
    <t>Riva Palacio</t>
  </si>
  <si>
    <t>Rosales</t>
  </si>
  <si>
    <t>Rosario</t>
  </si>
  <si>
    <t>San Francisco De Borja</t>
  </si>
  <si>
    <t>San Francisco De Conchos</t>
  </si>
  <si>
    <t>San Francisco Del Oro</t>
  </si>
  <si>
    <t>Santa Barbara</t>
  </si>
  <si>
    <t>Satevo</t>
  </si>
  <si>
    <t>Saucillo</t>
  </si>
  <si>
    <t>Temosachic</t>
  </si>
  <si>
    <t>El Tule</t>
  </si>
  <si>
    <t>Urique</t>
  </si>
  <si>
    <t>Uruachi</t>
  </si>
  <si>
    <t>Valle De Zaragoza</t>
  </si>
  <si>
    <t>Acapulco De Juarez</t>
  </si>
  <si>
    <t>Ahuacuotzingo</t>
  </si>
  <si>
    <t>Ajuchitlan Del Progreso</t>
  </si>
  <si>
    <t>Alcozauca De Guerrero</t>
  </si>
  <si>
    <t>Alpoyeca</t>
  </si>
  <si>
    <t>Apaxtla</t>
  </si>
  <si>
    <t>Arcelia</t>
  </si>
  <si>
    <t>Atenango Del Rio</t>
  </si>
  <si>
    <t>Atlamajalcingo Del Monte</t>
  </si>
  <si>
    <t>Atlixtac</t>
  </si>
  <si>
    <t>Ayutla De Los Libres</t>
  </si>
  <si>
    <t>Azoyu</t>
  </si>
  <si>
    <t>Buenavista De Cuellar</t>
  </si>
  <si>
    <t>Coahuayutla De Jose Maria Izazaga</t>
  </si>
  <si>
    <t>Cocula</t>
  </si>
  <si>
    <t>Copala</t>
  </si>
  <si>
    <t>Copalillo</t>
  </si>
  <si>
    <t>Copanatoyac</t>
  </si>
  <si>
    <t>Coyuca De Benitez</t>
  </si>
  <si>
    <t>Coyuca De Catalan</t>
  </si>
  <si>
    <t>Cuajinicuilapa</t>
  </si>
  <si>
    <t>Cualac</t>
  </si>
  <si>
    <t>Cuautepec</t>
  </si>
  <si>
    <t>Cuetzala Del Progreso</t>
  </si>
  <si>
    <t>Cutzamala De Pinzon</t>
  </si>
  <si>
    <t>Chilpancingo De Los Bravo</t>
  </si>
  <si>
    <t>Florencio Villarreal</t>
  </si>
  <si>
    <t>General Canuto A. Neri</t>
  </si>
  <si>
    <t>General Heliodoro Castillo</t>
  </si>
  <si>
    <t>Huamuxtitlan</t>
  </si>
  <si>
    <t>Huitzuco De Los Figueroa</t>
  </si>
  <si>
    <t>Iguala De La Independencia</t>
  </si>
  <si>
    <t>Igualapa</t>
  </si>
  <si>
    <t>Ixcateopan De Cuauhtemoc</t>
  </si>
  <si>
    <t>Zihuatanejo De Azueta</t>
  </si>
  <si>
    <t>Juan R. Escudero</t>
  </si>
  <si>
    <t>Leonardo Bravo</t>
  </si>
  <si>
    <t>Malinaltepec</t>
  </si>
  <si>
    <t>Martir De Cuilapan</t>
  </si>
  <si>
    <t>Metlatonoc</t>
  </si>
  <si>
    <t>Mochitlan</t>
  </si>
  <si>
    <t>Olinala</t>
  </si>
  <si>
    <t>Ometepec</t>
  </si>
  <si>
    <t>Pedro Ascencio Alquisiras</t>
  </si>
  <si>
    <t>Petatlan</t>
  </si>
  <si>
    <t>Pilcaya</t>
  </si>
  <si>
    <t>Pungarabato</t>
  </si>
  <si>
    <t>Quechultenango</t>
  </si>
  <si>
    <t>San Luis Acatlan</t>
  </si>
  <si>
    <t>San Marcos</t>
  </si>
  <si>
    <t>San Miguel Totolapan</t>
  </si>
  <si>
    <t>Taxco De Alarcon</t>
  </si>
  <si>
    <t>Tecoanapa</t>
  </si>
  <si>
    <t>Tecpan De Galeana</t>
  </si>
  <si>
    <t>Teloloapan</t>
  </si>
  <si>
    <t>Tepecoacuilco De Trujano</t>
  </si>
  <si>
    <t>Tetipac</t>
  </si>
  <si>
    <t>Tixtla De Guerrero</t>
  </si>
  <si>
    <t>Tlacoachistlahuaca</t>
  </si>
  <si>
    <t>Tlacoapa</t>
  </si>
  <si>
    <t>Tlalchapa</t>
  </si>
  <si>
    <t>Tlalixtaquilla De Maldonado</t>
  </si>
  <si>
    <t>Tlapa De Comonfort</t>
  </si>
  <si>
    <t>Tlapehuala</t>
  </si>
  <si>
    <t>La Union De Isidoro Montes De Oca</t>
  </si>
  <si>
    <t>Xalpatlahuac</t>
  </si>
  <si>
    <t>Xochihuehuetlan</t>
  </si>
  <si>
    <t>Xochistlahuaca</t>
  </si>
  <si>
    <t>Zapotitlan Tablas</t>
  </si>
  <si>
    <t>Zirandaro</t>
  </si>
  <si>
    <t>Zitlala</t>
  </si>
  <si>
    <t>Eduardo Neri</t>
  </si>
  <si>
    <t>Acatepec</t>
  </si>
  <si>
    <t>Marquelia</t>
  </si>
  <si>
    <t>Cochoapa El Grande</t>
  </si>
  <si>
    <t>Jose Joaquin De Herrera</t>
  </si>
  <si>
    <t>Juchitan</t>
  </si>
  <si>
    <t>Iliatenco</t>
  </si>
  <si>
    <t>Ciudad Altamirano</t>
  </si>
  <si>
    <t>Acatlan</t>
  </si>
  <si>
    <t>Acaxochitlan</t>
  </si>
  <si>
    <t>Actopan</t>
  </si>
  <si>
    <t>Agua Blanca De Iturbide</t>
  </si>
  <si>
    <t>Ajacuba</t>
  </si>
  <si>
    <t>Alfajayucan</t>
  </si>
  <si>
    <t>Almoloya</t>
  </si>
  <si>
    <t>Apan</t>
  </si>
  <si>
    <t>El Arenal</t>
  </si>
  <si>
    <t>Atitalaquia</t>
  </si>
  <si>
    <t>Atlapexco</t>
  </si>
  <si>
    <t>Atotonilco El Grande</t>
  </si>
  <si>
    <t>Atotonilco De Tula</t>
  </si>
  <si>
    <t>Calnali</t>
  </si>
  <si>
    <t>Cardonal</t>
  </si>
  <si>
    <t>Cuautepec De Hinojosa</t>
  </si>
  <si>
    <t>Chapantongo</t>
  </si>
  <si>
    <t>Chapulhuacan</t>
  </si>
  <si>
    <t>Chilcuautla</t>
  </si>
  <si>
    <t>Eloxochitlan</t>
  </si>
  <si>
    <t>Emiliano Zapata</t>
  </si>
  <si>
    <t>Epazoyucan</t>
  </si>
  <si>
    <t>Huasca De Ocampo</t>
  </si>
  <si>
    <t>Huautla</t>
  </si>
  <si>
    <t>Huazalingo</t>
  </si>
  <si>
    <t>Huehuetla</t>
  </si>
  <si>
    <t>Huejutla De Reyes</t>
  </si>
  <si>
    <t>Huichapan</t>
  </si>
  <si>
    <t>Ixmiquilpan</t>
  </si>
  <si>
    <t>Jacala De Ledezma</t>
  </si>
  <si>
    <t>Jaltocan</t>
  </si>
  <si>
    <t>Juarez Hidalgo</t>
  </si>
  <si>
    <t>Lolotla</t>
  </si>
  <si>
    <t>Metepec</t>
  </si>
  <si>
    <t>San Agustin Metzquititlan</t>
  </si>
  <si>
    <t>Metztitlan</t>
  </si>
  <si>
    <t>Mineral Del Chico</t>
  </si>
  <si>
    <t>Mineral Del Monte</t>
  </si>
  <si>
    <t>La Mision</t>
  </si>
  <si>
    <t>Mixquiahuala De Juarez</t>
  </si>
  <si>
    <t>Molango De Escamilla</t>
  </si>
  <si>
    <t>Nicolas Flores</t>
  </si>
  <si>
    <t>Nopala De Villagran</t>
  </si>
  <si>
    <t>Omitlan De Juarez</t>
  </si>
  <si>
    <t>San Felipe Orizatlan</t>
  </si>
  <si>
    <t>Pacula</t>
  </si>
  <si>
    <t>Pachuca De Soto</t>
  </si>
  <si>
    <t>Pisaflores</t>
  </si>
  <si>
    <t>Progreso De Obregon</t>
  </si>
  <si>
    <t>Mineral De La Reforma</t>
  </si>
  <si>
    <t>San Agustin Tlaxiaca</t>
  </si>
  <si>
    <t>San Bartolo Tutotepec</t>
  </si>
  <si>
    <t>San Salvador</t>
  </si>
  <si>
    <t>Santiago De Anaya</t>
  </si>
  <si>
    <t>Santiago Tulantepec De Lugo Guerrero</t>
  </si>
  <si>
    <t>Singuilucan</t>
  </si>
  <si>
    <t>Tasquillo</t>
  </si>
  <si>
    <t>Tecozautla</t>
  </si>
  <si>
    <t>Tenango De Doria</t>
  </si>
  <si>
    <t>Tepeapulco</t>
  </si>
  <si>
    <t>Tepehuacan De Guerrero</t>
  </si>
  <si>
    <t>Tepeji Del Rio De Ocampo</t>
  </si>
  <si>
    <t>Tepetitlan</t>
  </si>
  <si>
    <t>Tetepango</t>
  </si>
  <si>
    <t>Villa De Tezontepec</t>
  </si>
  <si>
    <t>Tezontepec De Aldama</t>
  </si>
  <si>
    <t>Tianguistengo</t>
  </si>
  <si>
    <t>Tizayuca</t>
  </si>
  <si>
    <t>Tlahuelilpan</t>
  </si>
  <si>
    <t>Tlahuiltepa</t>
  </si>
  <si>
    <t>Tlanalapa</t>
  </si>
  <si>
    <t>Tlanchinol</t>
  </si>
  <si>
    <t>Tlaxcoapan</t>
  </si>
  <si>
    <t>Tolcayuca</t>
  </si>
  <si>
    <t>Tula De Allende</t>
  </si>
  <si>
    <t>Tulancingo De Bravo</t>
  </si>
  <si>
    <t>Xochiatipan</t>
  </si>
  <si>
    <t>Xochicoatlan</t>
  </si>
  <si>
    <t>Yahualica</t>
  </si>
  <si>
    <t>Zapotlan De Juarez</t>
  </si>
  <si>
    <t>Zempoala</t>
  </si>
  <si>
    <t>Zimapan</t>
  </si>
  <si>
    <t>Jalisco</t>
  </si>
  <si>
    <t>Acatic</t>
  </si>
  <si>
    <t>Acatlan De Juarez</t>
  </si>
  <si>
    <t>Ahualulco De Mercado</t>
  </si>
  <si>
    <t>Amacueca</t>
  </si>
  <si>
    <t>Amatitan</t>
  </si>
  <si>
    <t>Ameca</t>
  </si>
  <si>
    <t>San Juanito De Escobedo</t>
  </si>
  <si>
    <t>Arandas</t>
  </si>
  <si>
    <t>Atemajac De Brizuela</t>
  </si>
  <si>
    <t>Atengo</t>
  </si>
  <si>
    <t>Atenguillo</t>
  </si>
  <si>
    <t>Atotonilco El Alto</t>
  </si>
  <si>
    <t>Atoyac</t>
  </si>
  <si>
    <t>Autlan De Navarro</t>
  </si>
  <si>
    <t>Ayotlan</t>
  </si>
  <si>
    <t>Ayutla</t>
  </si>
  <si>
    <t>La Barca</t>
  </si>
  <si>
    <t>Bolaños</t>
  </si>
  <si>
    <t>Cabo Corrientes</t>
  </si>
  <si>
    <t>Casimiro Castillo</t>
  </si>
  <si>
    <t>Cihuatlan</t>
  </si>
  <si>
    <t>Zapotlan El Grande</t>
  </si>
  <si>
    <t>Colotlan</t>
  </si>
  <si>
    <t>Concepcion De Buenos Aires</t>
  </si>
  <si>
    <t>Cuautitlan De Garcia Barragan</t>
  </si>
  <si>
    <t>Cuautla</t>
  </si>
  <si>
    <t>Cuquio</t>
  </si>
  <si>
    <t>Chapala</t>
  </si>
  <si>
    <t>Chimaltitan</t>
  </si>
  <si>
    <t>Chiquilistlan</t>
  </si>
  <si>
    <t>Degollado</t>
  </si>
  <si>
    <t>Ejutla</t>
  </si>
  <si>
    <t>Encarnacion De Diaz</t>
  </si>
  <si>
    <t>Etzatlan</t>
  </si>
  <si>
    <t>El Grullo</t>
  </si>
  <si>
    <t>Guachinango</t>
  </si>
  <si>
    <t>Guadalajara</t>
  </si>
  <si>
    <t>Hostotipaquillo</t>
  </si>
  <si>
    <t>Huejucar</t>
  </si>
  <si>
    <t>Huejuquilla El Alto</t>
  </si>
  <si>
    <t>La Huerta</t>
  </si>
  <si>
    <t>Ixtlahuacan De Los Membrillos</t>
  </si>
  <si>
    <t>Ixtlahuacan Del Rio</t>
  </si>
  <si>
    <t>Jalostotitlan</t>
  </si>
  <si>
    <t>Jamay</t>
  </si>
  <si>
    <t>Jilotlan De Los Dolores</t>
  </si>
  <si>
    <t>Jocotepec</t>
  </si>
  <si>
    <t>Juanacatlan</t>
  </si>
  <si>
    <t>Juchitlan</t>
  </si>
  <si>
    <t>Lagos De Moreno</t>
  </si>
  <si>
    <t>El Limon</t>
  </si>
  <si>
    <t>Magdalena</t>
  </si>
  <si>
    <t>Santa Maria Del Oro</t>
  </si>
  <si>
    <t>La Manzanilla De La Paz</t>
  </si>
  <si>
    <t>Mascota</t>
  </si>
  <si>
    <t>Mazamitla</t>
  </si>
  <si>
    <t>Mexticacan</t>
  </si>
  <si>
    <t>Mezquitic</t>
  </si>
  <si>
    <t>Mixtlan</t>
  </si>
  <si>
    <t>Ocotlan</t>
  </si>
  <si>
    <t>Ojuelos De Jalisco</t>
  </si>
  <si>
    <t>Pihuamo</t>
  </si>
  <si>
    <t>Poncitlan</t>
  </si>
  <si>
    <t>Puerto Vallarta</t>
  </si>
  <si>
    <t>Villa Purificacion</t>
  </si>
  <si>
    <t>Quitupan</t>
  </si>
  <si>
    <t>El Salto</t>
  </si>
  <si>
    <t>San Cristobal De La Barranca</t>
  </si>
  <si>
    <t>San Diego De Alejandria</t>
  </si>
  <si>
    <t>San Juan De Los Lagos</t>
  </si>
  <si>
    <t>San Julian</t>
  </si>
  <si>
    <t>San Martin De Bolaños</t>
  </si>
  <si>
    <t>San Martin Hidalgo</t>
  </si>
  <si>
    <t>San Miguel El Alto</t>
  </si>
  <si>
    <t>San Sebastian Del Oeste</t>
  </si>
  <si>
    <t>Sayula</t>
  </si>
  <si>
    <t>Tala</t>
  </si>
  <si>
    <t>Talpa De Allende</t>
  </si>
  <si>
    <t>Tamazula De Gordiano</t>
  </si>
  <si>
    <t>Tapalpa</t>
  </si>
  <si>
    <t>Tecalitlan</t>
  </si>
  <si>
    <t>Tecolotlan</t>
  </si>
  <si>
    <t>Techaluta De Montenegro</t>
  </si>
  <si>
    <t>Tenamaxtlan</t>
  </si>
  <si>
    <t>Teocaltiche</t>
  </si>
  <si>
    <t>Teocuitatlan De Corona</t>
  </si>
  <si>
    <t>Tepatitlan De Morelos</t>
  </si>
  <si>
    <t>Tequila</t>
  </si>
  <si>
    <t>Teuchitlan</t>
  </si>
  <si>
    <t>Tizapan El Alto</t>
  </si>
  <si>
    <t>Tlajomulco De Zuñiga</t>
  </si>
  <si>
    <t>San Pedro Tlaquepaque</t>
  </si>
  <si>
    <t>Toliman</t>
  </si>
  <si>
    <t>Tomatlan</t>
  </si>
  <si>
    <t>Tonaya</t>
  </si>
  <si>
    <t>Tonila</t>
  </si>
  <si>
    <t>Totatiche</t>
  </si>
  <si>
    <t>Tototlan</t>
  </si>
  <si>
    <t>Tuxcacuesco</t>
  </si>
  <si>
    <t>Tuxcueca</t>
  </si>
  <si>
    <t>Tuxpan</t>
  </si>
  <si>
    <t>Union De San Antonio</t>
  </si>
  <si>
    <t>Union De Tula</t>
  </si>
  <si>
    <t>Valle De Guadalupe</t>
  </si>
  <si>
    <t>Valle De Juarez</t>
  </si>
  <si>
    <t>San Gabriel</t>
  </si>
  <si>
    <t>Villa Corona</t>
  </si>
  <si>
    <t>Villa Guerrero</t>
  </si>
  <si>
    <t>Villa Hidalgo</t>
  </si>
  <si>
    <t>Cañadas De Obregon</t>
  </si>
  <si>
    <t>Yahualica De Gonzalez Gallo</t>
  </si>
  <si>
    <t>Zacoalco De Torres</t>
  </si>
  <si>
    <t>Zapopan</t>
  </si>
  <si>
    <t>Zapotiltic</t>
  </si>
  <si>
    <t>Zapotitlan De Vadillo</t>
  </si>
  <si>
    <t>Zapotlan Del Rey</t>
  </si>
  <si>
    <t>Zapotlanejo</t>
  </si>
  <si>
    <t>San Ignacio Cerro Gordo</t>
  </si>
  <si>
    <t>Mexico</t>
  </si>
  <si>
    <t>Acambay De Ruiz Castañeda</t>
  </si>
  <si>
    <t>Acolman</t>
  </si>
  <si>
    <t>Aculco</t>
  </si>
  <si>
    <t>Almoloya De Alquisiras</t>
  </si>
  <si>
    <t>Almoloya De Juarez</t>
  </si>
  <si>
    <t>Almoloya Del Rio</t>
  </si>
  <si>
    <t>Amanalco</t>
  </si>
  <si>
    <t>Amatepec</t>
  </si>
  <si>
    <t>Amecameca</t>
  </si>
  <si>
    <t>Apaxco</t>
  </si>
  <si>
    <t>Atenco</t>
  </si>
  <si>
    <t>Atizapan</t>
  </si>
  <si>
    <t>Atizapan De Zaragoza</t>
  </si>
  <si>
    <t>Atlacomulco</t>
  </si>
  <si>
    <t>Atlautla</t>
  </si>
  <si>
    <t>Axapusco</t>
  </si>
  <si>
    <t>Ayapango</t>
  </si>
  <si>
    <t>Calimaya</t>
  </si>
  <si>
    <t>Capulhuac</t>
  </si>
  <si>
    <t>Coacalco De Berriozabal</t>
  </si>
  <si>
    <t>Coatepec Harinas</t>
  </si>
  <si>
    <t>Cocotitlan</t>
  </si>
  <si>
    <t>Coyotepec</t>
  </si>
  <si>
    <t>Cuautitlan</t>
  </si>
  <si>
    <t>Chalco</t>
  </si>
  <si>
    <t>Chapa De Mota</t>
  </si>
  <si>
    <t>Chapultepec</t>
  </si>
  <si>
    <t>Chiautla</t>
  </si>
  <si>
    <t>Chicoloapan</t>
  </si>
  <si>
    <t>Chiconcuac</t>
  </si>
  <si>
    <t>Chimalhuacan</t>
  </si>
  <si>
    <t>Donato Guerra</t>
  </si>
  <si>
    <t>Ecatepec De Morelos</t>
  </si>
  <si>
    <t>Ecatzingo</t>
  </si>
  <si>
    <t>Huehuetoca</t>
  </si>
  <si>
    <t>Hueypoxtla</t>
  </si>
  <si>
    <t>Huixquilucan</t>
  </si>
  <si>
    <t>Isidro Fabela</t>
  </si>
  <si>
    <t>Ixtapaluca</t>
  </si>
  <si>
    <t>Ixtapan De La Sal</t>
  </si>
  <si>
    <t>Ixtapan Del Oro</t>
  </si>
  <si>
    <t>Ixtlahuaca</t>
  </si>
  <si>
    <t>Jalatlaco</t>
  </si>
  <si>
    <t>Jaltenco</t>
  </si>
  <si>
    <t>Jilotepec</t>
  </si>
  <si>
    <t>Jilotzingo</t>
  </si>
  <si>
    <t>Jiquipilco</t>
  </si>
  <si>
    <t>Jocotitlan</t>
  </si>
  <si>
    <t>Joquicingo</t>
  </si>
  <si>
    <t>Juchitepec</t>
  </si>
  <si>
    <t>Lerma</t>
  </si>
  <si>
    <t>Malinalco</t>
  </si>
  <si>
    <t>Melchor Ocampo</t>
  </si>
  <si>
    <t>Mexicaltzingo</t>
  </si>
  <si>
    <t>Naucalpan De Juarez</t>
  </si>
  <si>
    <t>Nezahualcoyotl</t>
  </si>
  <si>
    <t>Nextlalpan</t>
  </si>
  <si>
    <t>Nicolas Romero</t>
  </si>
  <si>
    <t>Nopaltepec</t>
  </si>
  <si>
    <t>Ocoyoacac</t>
  </si>
  <si>
    <t>Ocuilan</t>
  </si>
  <si>
    <t>Otumba</t>
  </si>
  <si>
    <t>Otzoloapan</t>
  </si>
  <si>
    <t>Otzolotepec</t>
  </si>
  <si>
    <t>Ozumba</t>
  </si>
  <si>
    <t>Papalotla</t>
  </si>
  <si>
    <t>Polotitlan</t>
  </si>
  <si>
    <t>San Antonio La Isla</t>
  </si>
  <si>
    <t>San Felipe Del Progreso</t>
  </si>
  <si>
    <t>San Martin De Las Piramides</t>
  </si>
  <si>
    <t>San Mateo Atenco</t>
  </si>
  <si>
    <t>San Simon De Guerrero</t>
  </si>
  <si>
    <t>Santo Tomas</t>
  </si>
  <si>
    <t>Soyaniquilpan De Juarez</t>
  </si>
  <si>
    <t>Sultepec</t>
  </si>
  <si>
    <t>Tecamac</t>
  </si>
  <si>
    <t>Tejupilco</t>
  </si>
  <si>
    <t>Temamatla</t>
  </si>
  <si>
    <t>Temascalapa</t>
  </si>
  <si>
    <t>Temascalcingo</t>
  </si>
  <si>
    <t>Temascaltepec</t>
  </si>
  <si>
    <t>Temoaya</t>
  </si>
  <si>
    <t>Tenancingo</t>
  </si>
  <si>
    <t>Tenango Del Aire</t>
  </si>
  <si>
    <t>Tenango Del Valle</t>
  </si>
  <si>
    <t>Teoloyucan</t>
  </si>
  <si>
    <t>Teotihuacan</t>
  </si>
  <si>
    <t>Tepetlaoxtoc</t>
  </si>
  <si>
    <t>Tepetlixpa</t>
  </si>
  <si>
    <t>Tepotzotlan</t>
  </si>
  <si>
    <t>Tequixquiac</t>
  </si>
  <si>
    <t>Texcaltitlan</t>
  </si>
  <si>
    <t>Texcalyacac</t>
  </si>
  <si>
    <t>Texcoco</t>
  </si>
  <si>
    <t>Tezoyuca</t>
  </si>
  <si>
    <t>Tianguistenco</t>
  </si>
  <si>
    <t>Timilpan</t>
  </si>
  <si>
    <t>Tlalmanalco</t>
  </si>
  <si>
    <t>Tlalnepantla De Baz</t>
  </si>
  <si>
    <t>Tlatlaya</t>
  </si>
  <si>
    <t>Toluca</t>
  </si>
  <si>
    <t>Tonatico</t>
  </si>
  <si>
    <t>Tultepec</t>
  </si>
  <si>
    <t>Tultitlan</t>
  </si>
  <si>
    <t>Valle De Bravo</t>
  </si>
  <si>
    <t>Villa De Allende</t>
  </si>
  <si>
    <t>Villa Del Carbon</t>
  </si>
  <si>
    <t>Villa Victoria</t>
  </si>
  <si>
    <t>Xonacatlan</t>
  </si>
  <si>
    <t>Zacazonapan</t>
  </si>
  <si>
    <t>Zacualpan</t>
  </si>
  <si>
    <t>Zinacantepec</t>
  </si>
  <si>
    <t>Zumpahuacan</t>
  </si>
  <si>
    <t>Zumpango</t>
  </si>
  <si>
    <t>Cuautitlan Izcalli</t>
  </si>
  <si>
    <t>Valle De Chalco Solidaridad</t>
  </si>
  <si>
    <t>Luvianos</t>
  </si>
  <si>
    <t>San Jose Del Rincon</t>
  </si>
  <si>
    <t>Tonanitla</t>
  </si>
  <si>
    <t>Michoacan De Ocampo</t>
  </si>
  <si>
    <t>Acuitzio</t>
  </si>
  <si>
    <t>Aguililla</t>
  </si>
  <si>
    <t>Angamacutiro</t>
  </si>
  <si>
    <t>Angangueo</t>
  </si>
  <si>
    <t>Apatzingan</t>
  </si>
  <si>
    <t>Aporo</t>
  </si>
  <si>
    <t>Aquila</t>
  </si>
  <si>
    <t>Ario</t>
  </si>
  <si>
    <t>Briseñas</t>
  </si>
  <si>
    <t>Buenavista</t>
  </si>
  <si>
    <t>Caracuaro</t>
  </si>
  <si>
    <t>Coahuayana</t>
  </si>
  <si>
    <t>Coalcoman De Vazquez Pallares</t>
  </si>
  <si>
    <t>Coeneo</t>
  </si>
  <si>
    <t>Contepec</t>
  </si>
  <si>
    <t>Copandaro</t>
  </si>
  <si>
    <t>Cotija</t>
  </si>
  <si>
    <t>Cuitzeo</t>
  </si>
  <si>
    <t>Charapan</t>
  </si>
  <si>
    <t>Charo</t>
  </si>
  <si>
    <t>Chavinda</t>
  </si>
  <si>
    <t>Cheran</t>
  </si>
  <si>
    <t>Chilchota</t>
  </si>
  <si>
    <t>Chinicuila</t>
  </si>
  <si>
    <t>Chucandiro</t>
  </si>
  <si>
    <t>Churintzio</t>
  </si>
  <si>
    <t>Churumuco</t>
  </si>
  <si>
    <t>Ecuandureo</t>
  </si>
  <si>
    <t>Epitacio Huerta</t>
  </si>
  <si>
    <t>Erongaricuaro</t>
  </si>
  <si>
    <t>Gabriel Zamora</t>
  </si>
  <si>
    <t>La Huacana</t>
  </si>
  <si>
    <t>Huandacareo</t>
  </si>
  <si>
    <t>Huaniqueo</t>
  </si>
  <si>
    <t>Huetamo</t>
  </si>
  <si>
    <t>Huiramba</t>
  </si>
  <si>
    <t>Indaparapeo</t>
  </si>
  <si>
    <t>Irimbo</t>
  </si>
  <si>
    <t>Ixtlan</t>
  </si>
  <si>
    <t>Jacona</t>
  </si>
  <si>
    <t>Jiquilpan</t>
  </si>
  <si>
    <t>Jungapeo</t>
  </si>
  <si>
    <t>Lagunillas</t>
  </si>
  <si>
    <t>Madero</t>
  </si>
  <si>
    <t>Maravatio</t>
  </si>
  <si>
    <t>Marcos Castellanos</t>
  </si>
  <si>
    <t>Lazaro Cardenas</t>
  </si>
  <si>
    <t>Morelia</t>
  </si>
  <si>
    <t>Mugica</t>
  </si>
  <si>
    <t>Nahuatzen</t>
  </si>
  <si>
    <t>Nocupetaro</t>
  </si>
  <si>
    <t>Nuevo Parangaricutiro</t>
  </si>
  <si>
    <t>Nuevo Urecho</t>
  </si>
  <si>
    <t>Numaran</t>
  </si>
  <si>
    <t>Pajacuaran</t>
  </si>
  <si>
    <t>Panindicuaro</t>
  </si>
  <si>
    <t>Paracuaro</t>
  </si>
  <si>
    <t>Paracho</t>
  </si>
  <si>
    <t>Patzcuaro</t>
  </si>
  <si>
    <t>Penjamillo</t>
  </si>
  <si>
    <t>Periban</t>
  </si>
  <si>
    <t>La Piedad</t>
  </si>
  <si>
    <t>Purepero</t>
  </si>
  <si>
    <t>Puruandiro</t>
  </si>
  <si>
    <t>Querendaro</t>
  </si>
  <si>
    <t>Quiroga</t>
  </si>
  <si>
    <t>Cojumatlan De Regules</t>
  </si>
  <si>
    <t>Los Reyes</t>
  </si>
  <si>
    <t>Sahuayo</t>
  </si>
  <si>
    <t>Santa Ana Maya</t>
  </si>
  <si>
    <t>Salvador Escalante</t>
  </si>
  <si>
    <t>Senguio</t>
  </si>
  <si>
    <t>Susupuato</t>
  </si>
  <si>
    <t>Tacambaro</t>
  </si>
  <si>
    <t>Tancitaro</t>
  </si>
  <si>
    <t>Tangamandapio</t>
  </si>
  <si>
    <t>Tangancicuaro</t>
  </si>
  <si>
    <t>Tanhuato</t>
  </si>
  <si>
    <t>Taretan</t>
  </si>
  <si>
    <t>Tarimbaro</t>
  </si>
  <si>
    <t>Tepalcatepec</t>
  </si>
  <si>
    <t>Tingambato</t>
  </si>
  <si>
    <t>Tinguindin</t>
  </si>
  <si>
    <t>Tiquicheo De Nicolas Romero</t>
  </si>
  <si>
    <t>Tlalpujahua</t>
  </si>
  <si>
    <t>Tlazazalca</t>
  </si>
  <si>
    <t>Tocumbo</t>
  </si>
  <si>
    <t>Tumbiscatio</t>
  </si>
  <si>
    <t>Turicato</t>
  </si>
  <si>
    <t>Tuzantla</t>
  </si>
  <si>
    <t>Tzintzuntzan</t>
  </si>
  <si>
    <t>Tzitzio</t>
  </si>
  <si>
    <t>Uruapan</t>
  </si>
  <si>
    <t>Villamar</t>
  </si>
  <si>
    <t>Vista Hermosa</t>
  </si>
  <si>
    <t>Yurecuaro</t>
  </si>
  <si>
    <t>Zacapu</t>
  </si>
  <si>
    <t>Zamora</t>
  </si>
  <si>
    <t>Zinaparo</t>
  </si>
  <si>
    <t>Zinapecuaro</t>
  </si>
  <si>
    <t>Ziracuaretiro</t>
  </si>
  <si>
    <t>Zitacuaro</t>
  </si>
  <si>
    <t>Jose Sixto Verduzco</t>
  </si>
  <si>
    <t>Amacuzac</t>
  </si>
  <si>
    <t>Atlatlahucan</t>
  </si>
  <si>
    <t>Axochiapan</t>
  </si>
  <si>
    <t>Ayala</t>
  </si>
  <si>
    <t>Coatlan Del Rio</t>
  </si>
  <si>
    <t>Cuernavaca</t>
  </si>
  <si>
    <t>Huitzilac</t>
  </si>
  <si>
    <t>Jantetelco</t>
  </si>
  <si>
    <t>Jiutepec</t>
  </si>
  <si>
    <t>Jojutla</t>
  </si>
  <si>
    <t>Jonacatepec</t>
  </si>
  <si>
    <t>Mazatepec</t>
  </si>
  <si>
    <t>Miacatlan</t>
  </si>
  <si>
    <t>Ocuituco</t>
  </si>
  <si>
    <t>Puente De Ixtla</t>
  </si>
  <si>
    <t>Temixco</t>
  </si>
  <si>
    <t>Tepalcingo</t>
  </si>
  <si>
    <t>Tepoztlan</t>
  </si>
  <si>
    <t>Tetecala</t>
  </si>
  <si>
    <t>Tetela Del Volcan</t>
  </si>
  <si>
    <t>Tlalnepantla</t>
  </si>
  <si>
    <t>Tlaltizapan De Zapata</t>
  </si>
  <si>
    <t>Tlaquiltenango</t>
  </si>
  <si>
    <t>Tlayacapan</t>
  </si>
  <si>
    <t>Totolapan</t>
  </si>
  <si>
    <t>Xochitepec</t>
  </si>
  <si>
    <t>Yautepec</t>
  </si>
  <si>
    <t>Yecapixtla</t>
  </si>
  <si>
    <t>Zacatepec</t>
  </si>
  <si>
    <t>Temoac</t>
  </si>
  <si>
    <t>Nayarit</t>
  </si>
  <si>
    <t>Acaponeta</t>
  </si>
  <si>
    <t>Ahuacatlan</t>
  </si>
  <si>
    <t>Amatlan De Cañas</t>
  </si>
  <si>
    <t>Compostela</t>
  </si>
  <si>
    <t>Huajicori</t>
  </si>
  <si>
    <t>Ixtlan Del Rio</t>
  </si>
  <si>
    <t>Jala</t>
  </si>
  <si>
    <t>Xalisco</t>
  </si>
  <si>
    <t>Del Nayar</t>
  </si>
  <si>
    <t>Rosamorada</t>
  </si>
  <si>
    <t>Ruiz</t>
  </si>
  <si>
    <t>San Blas</t>
  </si>
  <si>
    <t>San Pedro Lagunillas</t>
  </si>
  <si>
    <t>Santiago Ixcuintla</t>
  </si>
  <si>
    <t>Tecuala</t>
  </si>
  <si>
    <t>Tepic</t>
  </si>
  <si>
    <t>La Yesca</t>
  </si>
  <si>
    <t>Bahia De Banderas</t>
  </si>
  <si>
    <t>Nuevo Leon</t>
  </si>
  <si>
    <t>Agualeguas</t>
  </si>
  <si>
    <t>Los Aldamas</t>
  </si>
  <si>
    <t>Anahuac</t>
  </si>
  <si>
    <t>Apodaca</t>
  </si>
  <si>
    <t>Aramberri</t>
  </si>
  <si>
    <t>Bustamante</t>
  </si>
  <si>
    <t>Cadereyta Jimenez</t>
  </si>
  <si>
    <t>El Carmen</t>
  </si>
  <si>
    <t>Cerralvo</t>
  </si>
  <si>
    <t>Cienega De Flores</t>
  </si>
  <si>
    <t>China</t>
  </si>
  <si>
    <t>Doctor Arroyo</t>
  </si>
  <si>
    <t>Doctor Coss</t>
  </si>
  <si>
    <t>Doctor Gonzalez</t>
  </si>
  <si>
    <t>Garcia</t>
  </si>
  <si>
    <t>San Pedro Garza Garcia</t>
  </si>
  <si>
    <t>General Bravo</t>
  </si>
  <si>
    <t>General Escobedo</t>
  </si>
  <si>
    <t>General Teran</t>
  </si>
  <si>
    <t>General Treviño</t>
  </si>
  <si>
    <t>General Zaragoza</t>
  </si>
  <si>
    <t>General Zuazua</t>
  </si>
  <si>
    <t>Los Herreras</t>
  </si>
  <si>
    <t>Higueras</t>
  </si>
  <si>
    <t>Hualahuises</t>
  </si>
  <si>
    <t>Iturbide</t>
  </si>
  <si>
    <t>Lampazos De Naranjo</t>
  </si>
  <si>
    <t>Linares</t>
  </si>
  <si>
    <t>Marin</t>
  </si>
  <si>
    <t>Mier Y Noriega</t>
  </si>
  <si>
    <t>Mina</t>
  </si>
  <si>
    <t>Montemorelos</t>
  </si>
  <si>
    <t>Monterrey</t>
  </si>
  <si>
    <t>Paras</t>
  </si>
  <si>
    <t>Pesqueria</t>
  </si>
  <si>
    <t>Los Ramones</t>
  </si>
  <si>
    <t>Rayones</t>
  </si>
  <si>
    <t>Sabinas Hidalgo</t>
  </si>
  <si>
    <t>Salinas Victoria</t>
  </si>
  <si>
    <t>San Nicolas De Los Garza</t>
  </si>
  <si>
    <t>Santiago</t>
  </si>
  <si>
    <t>Vallecillo</t>
  </si>
  <si>
    <t>Villaldama</t>
  </si>
  <si>
    <t>Oaxaca</t>
  </si>
  <si>
    <t>Abejones</t>
  </si>
  <si>
    <t>Acatlan De Perez Figueroa</t>
  </si>
  <si>
    <t>Asuncion Cacalotepec</t>
  </si>
  <si>
    <t>Asuncion Cuyotepeji</t>
  </si>
  <si>
    <t>Asuncion Ixtaltepec</t>
  </si>
  <si>
    <t>Asuncion Nochixtlan</t>
  </si>
  <si>
    <t>Asuncion Ocotlan</t>
  </si>
  <si>
    <t>Asuncion Tlacolulita</t>
  </si>
  <si>
    <t>Ayotzintepec</t>
  </si>
  <si>
    <t>El Barrio De La Soledad</t>
  </si>
  <si>
    <t>Calihuala</t>
  </si>
  <si>
    <t>Candelaria Loxicha</t>
  </si>
  <si>
    <t>Cienega De Zimatlan</t>
  </si>
  <si>
    <t>Ciudad Ixtepec</t>
  </si>
  <si>
    <t>Coatecas Altas</t>
  </si>
  <si>
    <t>Coicoyan De Las Flores</t>
  </si>
  <si>
    <t>La Compañia</t>
  </si>
  <si>
    <t>Concepcion Buenavista</t>
  </si>
  <si>
    <t>Concepcion Papalo</t>
  </si>
  <si>
    <t>Constancia Del Rosario</t>
  </si>
  <si>
    <t>Cosolapa</t>
  </si>
  <si>
    <t>Cosoltepec</t>
  </si>
  <si>
    <t>Cuilapam De Guerrero</t>
  </si>
  <si>
    <t>Cuyamecalco Villa De Zaragoza</t>
  </si>
  <si>
    <t>Chahuites</t>
  </si>
  <si>
    <t>Chalcatongo De Hidalgo</t>
  </si>
  <si>
    <t>Chiquihuitlan De Benito Juarez</t>
  </si>
  <si>
    <t>Heroica Ciudad De Ejutla De Crespo</t>
  </si>
  <si>
    <t>Eloxochitlan De Flores Magon</t>
  </si>
  <si>
    <t>El Espinal</t>
  </si>
  <si>
    <t>Tamazulapam Del Espiritu Santo</t>
  </si>
  <si>
    <t>Fresnillo De Trujano</t>
  </si>
  <si>
    <t>Guadalupe Etla</t>
  </si>
  <si>
    <t>Guadalupe De Ramirez</t>
  </si>
  <si>
    <t>Guelatao De Juarez</t>
  </si>
  <si>
    <t>Guevea De Humboldt</t>
  </si>
  <si>
    <t>Mesones Hidalgo</t>
  </si>
  <si>
    <t>Heroica Ciudad De Huajuapan De Leon</t>
  </si>
  <si>
    <t>Huautepec</t>
  </si>
  <si>
    <t>Huautla De Jimenez</t>
  </si>
  <si>
    <t>Ixtlan De Juarez</t>
  </si>
  <si>
    <t>Heroica Ciudad De Juchitan De Zaragoza</t>
  </si>
  <si>
    <t>Loma Bonita</t>
  </si>
  <si>
    <t>Magdalena Apasco</t>
  </si>
  <si>
    <t>Magdalena Jaltepec</t>
  </si>
  <si>
    <t>Santa Magdalena Jicotlan</t>
  </si>
  <si>
    <t>Magdalena Mixtepec</t>
  </si>
  <si>
    <t>Magdalena Ocotlan</t>
  </si>
  <si>
    <t>Magdalena Peñasco</t>
  </si>
  <si>
    <t>Magdalena Teitipac</t>
  </si>
  <si>
    <t>Magdalena Tequisistlan</t>
  </si>
  <si>
    <t>Magdalena Tlacotepec</t>
  </si>
  <si>
    <t>Magdalena Zahuatlan</t>
  </si>
  <si>
    <t>Mariscala De Juarez</t>
  </si>
  <si>
    <t>Martires De Tacubaya</t>
  </si>
  <si>
    <t>Matias Romero Avendaño</t>
  </si>
  <si>
    <t>Mazatlan Villa De Flores</t>
  </si>
  <si>
    <t>Miahuatlan De Porfirio Diaz</t>
  </si>
  <si>
    <t>Mixistlan De La Reforma</t>
  </si>
  <si>
    <t>Monjas</t>
  </si>
  <si>
    <t>Natividad</t>
  </si>
  <si>
    <t>Nazareno Etla</t>
  </si>
  <si>
    <t>Nejapa De Madero</t>
  </si>
  <si>
    <t>Ixpantepec Nieves</t>
  </si>
  <si>
    <t>Santiago Niltepec</t>
  </si>
  <si>
    <t>Oaxaca De Juarez</t>
  </si>
  <si>
    <t>Ocotlan De Morelos</t>
  </si>
  <si>
    <t>La Pe</t>
  </si>
  <si>
    <t>Pinotepa De Don Luis</t>
  </si>
  <si>
    <t>Pluma Hidalgo</t>
  </si>
  <si>
    <t>San Jose Del Progreso</t>
  </si>
  <si>
    <t>Putla Villa De Guerrero</t>
  </si>
  <si>
    <t>Santa Catarina Quioquitani</t>
  </si>
  <si>
    <t>Reforma De Pineda</t>
  </si>
  <si>
    <t>La Reforma</t>
  </si>
  <si>
    <t>Reyes Etla</t>
  </si>
  <si>
    <t>Rojas De Cuauhtemoc</t>
  </si>
  <si>
    <t>Salina Cruz</t>
  </si>
  <si>
    <t>San Agustin Amatengo</t>
  </si>
  <si>
    <t>San Agustin Atenango</t>
  </si>
  <si>
    <t>San Agustin Chayuco</t>
  </si>
  <si>
    <t>San Agustin De Las Juntas</t>
  </si>
  <si>
    <t>San Agustin Etla</t>
  </si>
  <si>
    <t>San Agustin Loxicha</t>
  </si>
  <si>
    <t>San Agustin Tlacotepec</t>
  </si>
  <si>
    <t>San Agustin Yatareni</t>
  </si>
  <si>
    <t>San Andres Cabecera Nueva</t>
  </si>
  <si>
    <t>San Andres Dinicuiti</t>
  </si>
  <si>
    <t>San Andres Huaxpaltepec</t>
  </si>
  <si>
    <t>San Andres Huayapam</t>
  </si>
  <si>
    <t>San Andres Ixtlahuaca</t>
  </si>
  <si>
    <t>San Andres Lagunas</t>
  </si>
  <si>
    <t>San Andres Nuxiño</t>
  </si>
  <si>
    <t>San Andres Paxtlan</t>
  </si>
  <si>
    <t>San Andres Sinaxtla</t>
  </si>
  <si>
    <t>San Andres Solaga</t>
  </si>
  <si>
    <t>San Andres Teotilalpam</t>
  </si>
  <si>
    <t>San Andres Tepetlapa</t>
  </si>
  <si>
    <t>San Andres Yaa</t>
  </si>
  <si>
    <t>San Andres Zabache</t>
  </si>
  <si>
    <t>San Andres Zautla</t>
  </si>
  <si>
    <t>San Antonino Castillo Velasco</t>
  </si>
  <si>
    <t>San Antonino El Alto</t>
  </si>
  <si>
    <t>San Antonino Monte Verde</t>
  </si>
  <si>
    <t>San Antonio Acutla</t>
  </si>
  <si>
    <t>San Antonio De La Cal</t>
  </si>
  <si>
    <t>San Antonio Huitepec</t>
  </si>
  <si>
    <t>San Antonio Nanahuatipam</t>
  </si>
  <si>
    <t>San Antonio Sinicahua</t>
  </si>
  <si>
    <t>San Antonio Tepetlapa</t>
  </si>
  <si>
    <t>San Baltazar Chichicapam</t>
  </si>
  <si>
    <t>San Baltazar Loxicha</t>
  </si>
  <si>
    <t>San Baltazar Yatzachi El Bajo</t>
  </si>
  <si>
    <t>San Bartolo Coyotepec</t>
  </si>
  <si>
    <t>San Bartolome Ayautla</t>
  </si>
  <si>
    <t>San Bartolome Loxicha</t>
  </si>
  <si>
    <t>San Bartolome Quialana</t>
  </si>
  <si>
    <t>San Bartolome Yucuañe</t>
  </si>
  <si>
    <t>San Bartolome Zoogocho</t>
  </si>
  <si>
    <t>San Bartolo Soyaltepec</t>
  </si>
  <si>
    <t>San Bartolo Yautepec</t>
  </si>
  <si>
    <t>San Bernardo Mixtepec</t>
  </si>
  <si>
    <t>San Blas Atempa</t>
  </si>
  <si>
    <t>San Carlos Yautepec</t>
  </si>
  <si>
    <t>San Cristobal Amatlan</t>
  </si>
  <si>
    <t>San Cristobal Amoltepec</t>
  </si>
  <si>
    <t>San Cristobal Lachirioag</t>
  </si>
  <si>
    <t>San Cristobal Suchixtlahuaca</t>
  </si>
  <si>
    <t>San Dionisio Del Mar</t>
  </si>
  <si>
    <t>San Dionisio Ocotepec</t>
  </si>
  <si>
    <t>San Dionisio Ocotlan</t>
  </si>
  <si>
    <t>San Esteban Atatlahuca</t>
  </si>
  <si>
    <t>San Felipe Jalapa De Diaz</t>
  </si>
  <si>
    <t>San Felipe Tejalapam</t>
  </si>
  <si>
    <t>San Felipe Usila</t>
  </si>
  <si>
    <t>San Francisco Cahuacua</t>
  </si>
  <si>
    <t>San Francisco Cajonos</t>
  </si>
  <si>
    <t>San Francisco Chapulapa</t>
  </si>
  <si>
    <t>San Francisco Chindua</t>
  </si>
  <si>
    <t>San Francisco Del Mar</t>
  </si>
  <si>
    <t>San Francisco Huehuetlan</t>
  </si>
  <si>
    <t>San Francisco Ixhuatan</t>
  </si>
  <si>
    <t>San Francisco Jaltepetongo</t>
  </si>
  <si>
    <t>San Francisco Lachigolo</t>
  </si>
  <si>
    <t>San Francisco Logueche</t>
  </si>
  <si>
    <t>San Francisco Nuxaño</t>
  </si>
  <si>
    <t>San Francisco Ozolotepec</t>
  </si>
  <si>
    <t>San Francisco Sola</t>
  </si>
  <si>
    <t>San Francisco Telixtlahuaca</t>
  </si>
  <si>
    <t>San Francisco Teopan</t>
  </si>
  <si>
    <t>San Francisco Tlapancingo</t>
  </si>
  <si>
    <t>San Gabriel Mixtepec</t>
  </si>
  <si>
    <t>San Ildefonso Amatlan</t>
  </si>
  <si>
    <t>San Ildefonso Sola</t>
  </si>
  <si>
    <t>San Ildefonso Villa Alta</t>
  </si>
  <si>
    <t>San Jacinto Amilpas</t>
  </si>
  <si>
    <t>San Jacinto Tlacotepec</t>
  </si>
  <si>
    <t>San Jeronimo Coatlan</t>
  </si>
  <si>
    <t>San Jeronimo Silacayoapilla</t>
  </si>
  <si>
    <t>San Jeronimo Sosola</t>
  </si>
  <si>
    <t>San Jeronimo Taviche</t>
  </si>
  <si>
    <t>San Jeronimo Tecoatl</t>
  </si>
  <si>
    <t>San Jorge Nuchita</t>
  </si>
  <si>
    <t>San Jose Ayuquila</t>
  </si>
  <si>
    <t>San Jose Chiltepec</t>
  </si>
  <si>
    <t>San Jose Del Peñasco</t>
  </si>
  <si>
    <t>San Jose Estancia Grande</t>
  </si>
  <si>
    <t>San Jose Independencia</t>
  </si>
  <si>
    <t>San Jose Lachiguiri</t>
  </si>
  <si>
    <t>San Jose Tenango</t>
  </si>
  <si>
    <t>San Juan Achiutla</t>
  </si>
  <si>
    <t>San Juan Atepec</t>
  </si>
  <si>
    <t>San Juan Bautista Atatlahuca</t>
  </si>
  <si>
    <t>San Juan Bautista Coixtlahuaca</t>
  </si>
  <si>
    <t>San Juan Bautista Cuicatlan</t>
  </si>
  <si>
    <t>San Juan Bautista Guelache</t>
  </si>
  <si>
    <t>San Juan Bautista Jayacatlan</t>
  </si>
  <si>
    <t>San Juan Bautista Lo De Soto</t>
  </si>
  <si>
    <t>San Juan Bautista Suchitepec</t>
  </si>
  <si>
    <t>San Juan Bautista Tlacoatzintepec</t>
  </si>
  <si>
    <t>San Juan Bautista Tlachichilco</t>
  </si>
  <si>
    <t>San Juan Bautista Tuxtepec</t>
  </si>
  <si>
    <t>San Juan Cacahuatepec</t>
  </si>
  <si>
    <t>San Juan Cieneguilla</t>
  </si>
  <si>
    <t>San Juan Coatzospam</t>
  </si>
  <si>
    <t>San Juan Colorado</t>
  </si>
  <si>
    <t>San Juan Comaltepec</t>
  </si>
  <si>
    <t>San Juan Cotzocon</t>
  </si>
  <si>
    <t>San Juan Chicomezuchil</t>
  </si>
  <si>
    <t>San Juan Chilateca</t>
  </si>
  <si>
    <t>San Juan Del Estado</t>
  </si>
  <si>
    <t>San Juan Diuxi</t>
  </si>
  <si>
    <t>San Juan Evangelista Analco</t>
  </si>
  <si>
    <t>San Juan Guelavia</t>
  </si>
  <si>
    <t>San Juan Guichicovi</t>
  </si>
  <si>
    <t>San Juan Ihualtepec</t>
  </si>
  <si>
    <t>San Juan Juquila Mixes</t>
  </si>
  <si>
    <t>San Juan Juquila Vijanos</t>
  </si>
  <si>
    <t>San Juan Lachao</t>
  </si>
  <si>
    <t>San Juan Lachigalla</t>
  </si>
  <si>
    <t>San Juan Lajarcia</t>
  </si>
  <si>
    <t>San Juan Lalana</t>
  </si>
  <si>
    <t>San Juan De Los Cues</t>
  </si>
  <si>
    <t>San Juan Mazatlan</t>
  </si>
  <si>
    <t>San Juan Mixtepec -Dto. 08 -</t>
  </si>
  <si>
    <t>San Juan Mixtepec -Dto. 26 -</t>
  </si>
  <si>
    <t>San Juan Ñumi</t>
  </si>
  <si>
    <t>San Juan Ozolotepec</t>
  </si>
  <si>
    <t>San Juan Petlapa</t>
  </si>
  <si>
    <t>San Juan Quiahije</t>
  </si>
  <si>
    <t>San Juan Quiotepec</t>
  </si>
  <si>
    <t>San Juan Sayultepec</t>
  </si>
  <si>
    <t>San Juan Tabaa</t>
  </si>
  <si>
    <t>San Juan Tamazola</t>
  </si>
  <si>
    <t>San Juan Teita</t>
  </si>
  <si>
    <t>San Juan Teitipac</t>
  </si>
  <si>
    <t>San Juan Tepeuxila</t>
  </si>
  <si>
    <t>San Juan Teposcolula</t>
  </si>
  <si>
    <t>San Juan Yaee</t>
  </si>
  <si>
    <t>San Juan Yatzona</t>
  </si>
  <si>
    <t>San Juan Yucuita</t>
  </si>
  <si>
    <t>San Lorenzo</t>
  </si>
  <si>
    <t>San Lorenzo Albarradas</t>
  </si>
  <si>
    <t>San Lorenzo Cacaotepec</t>
  </si>
  <si>
    <t>San Lorenzo Cuaunecuiltitla</t>
  </si>
  <si>
    <t>San Lorenzo Texmelucan</t>
  </si>
  <si>
    <t>San Lorenzo Victoria</t>
  </si>
  <si>
    <t>San Lucas Camotlan</t>
  </si>
  <si>
    <t>San Lucas Ojitlan</t>
  </si>
  <si>
    <t>San Lucas Quiavini</t>
  </si>
  <si>
    <t>San Lucas Zoquiapam</t>
  </si>
  <si>
    <t>San Luis Amatlan</t>
  </si>
  <si>
    <t>San Marcial Ozolotepec</t>
  </si>
  <si>
    <t>San Marcos Arteaga</t>
  </si>
  <si>
    <t>San Martin De Los Cansecos</t>
  </si>
  <si>
    <t>San Martin Huamelulpam</t>
  </si>
  <si>
    <t>San Martin Itunyoso</t>
  </si>
  <si>
    <t>San Martin Lachila</t>
  </si>
  <si>
    <t>San Martin Peras</t>
  </si>
  <si>
    <t>San Martin Tilcajete</t>
  </si>
  <si>
    <t>San Martin Toxpalan</t>
  </si>
  <si>
    <t>San Martin Zacatepec</t>
  </si>
  <si>
    <t>San Mateo Cajonos</t>
  </si>
  <si>
    <t>Capulalpam De Mendez</t>
  </si>
  <si>
    <t>San Mateo Del Mar</t>
  </si>
  <si>
    <t>San Mateo Yoloxochitlan</t>
  </si>
  <si>
    <t>San Mateo Etlatongo</t>
  </si>
  <si>
    <t>San Mateo Nejapam</t>
  </si>
  <si>
    <t>San Mateo Peñasco</t>
  </si>
  <si>
    <t>San Mateo Piñas</t>
  </si>
  <si>
    <t>San Mateo Rio Hondo</t>
  </si>
  <si>
    <t>San Mateo Sindihui</t>
  </si>
  <si>
    <t>San Mateo Tlapiltepec</t>
  </si>
  <si>
    <t>San Melchor Betaza</t>
  </si>
  <si>
    <t>San Miguel Achiutla</t>
  </si>
  <si>
    <t>San Miguel Ahuehuetitlan</t>
  </si>
  <si>
    <t>San Miguel Aloapam</t>
  </si>
  <si>
    <t>San Miguel Amatitlan</t>
  </si>
  <si>
    <t>San Miguel Amatlan</t>
  </si>
  <si>
    <t>San Miguel Coatlan</t>
  </si>
  <si>
    <t>San Miguel Chicahua</t>
  </si>
  <si>
    <t>San Miguel Chimalapa</t>
  </si>
  <si>
    <t>San Miguel Del Puerto</t>
  </si>
  <si>
    <t>San Miguel Del Rio</t>
  </si>
  <si>
    <t>San Miguel Ejutla</t>
  </si>
  <si>
    <t>San Miguel El Grande</t>
  </si>
  <si>
    <t>San Miguel Huautla</t>
  </si>
  <si>
    <t>San Miguel Mixtepec</t>
  </si>
  <si>
    <t>San Miguel Panixtlahuaca</t>
  </si>
  <si>
    <t>San Miguel Peras</t>
  </si>
  <si>
    <t>San Miguel Piedras</t>
  </si>
  <si>
    <t>San Miguel Quetzaltepec</t>
  </si>
  <si>
    <t>San Miguel Santa Flor</t>
  </si>
  <si>
    <t>Villa Sola De Vega</t>
  </si>
  <si>
    <t>San Miguel Soyaltepec</t>
  </si>
  <si>
    <t>San Miguel Suchixtepec</t>
  </si>
  <si>
    <t>Villa Talea De Castro</t>
  </si>
  <si>
    <t>San Miguel Tecomatlan</t>
  </si>
  <si>
    <t>San Miguel Tenango</t>
  </si>
  <si>
    <t>San Miguel Tequixtepec</t>
  </si>
  <si>
    <t>San Miguel Tilquiapam</t>
  </si>
  <si>
    <t>San Miguel Tlacamama</t>
  </si>
  <si>
    <t>San Miguel Tlacotepec</t>
  </si>
  <si>
    <t>San Miguel Tulancingo</t>
  </si>
  <si>
    <t>San Miguel Yotao</t>
  </si>
  <si>
    <t>San Nicolas</t>
  </si>
  <si>
    <t>San Nicolas Hidalgo</t>
  </si>
  <si>
    <t>San Pablo Coatlan</t>
  </si>
  <si>
    <t>San Pablo Cuatro Venados</t>
  </si>
  <si>
    <t>San Pablo Etla</t>
  </si>
  <si>
    <t>San Pablo Huitzo</t>
  </si>
  <si>
    <t>San Pablo Huixtepec</t>
  </si>
  <si>
    <t>San Pablo Macuiltianguis</t>
  </si>
  <si>
    <t>San Pablo Tijaltepec</t>
  </si>
  <si>
    <t>San Pablo Villa De Mitla</t>
  </si>
  <si>
    <t>San Pablo Yaganiza</t>
  </si>
  <si>
    <t>San Pedro Amuzgos</t>
  </si>
  <si>
    <t>San Pedro Apostol</t>
  </si>
  <si>
    <t>San Pedro Atoyac</t>
  </si>
  <si>
    <t>San Pedro Cajonos</t>
  </si>
  <si>
    <t>San Pedro Coxcaltepec Cantaros</t>
  </si>
  <si>
    <t>San Pedro Comitancillo</t>
  </si>
  <si>
    <t>San Pedro El Alto</t>
  </si>
  <si>
    <t>San Pedro Huamelula</t>
  </si>
  <si>
    <t>San Pedro Huilotepec</t>
  </si>
  <si>
    <t>San Pedro Ixcatlan</t>
  </si>
  <si>
    <t>San Pedro Ixtlahuaca</t>
  </si>
  <si>
    <t>San Pedro Jaltepetongo</t>
  </si>
  <si>
    <t>San Pedro Jicayan</t>
  </si>
  <si>
    <t>San Pedro Jocotipac</t>
  </si>
  <si>
    <t>San Pedro Juchatengo</t>
  </si>
  <si>
    <t>San Pedro Martir</t>
  </si>
  <si>
    <t>San Pedro Martir Quiechapa</t>
  </si>
  <si>
    <t>San Pedro Martir Yucuxaco</t>
  </si>
  <si>
    <t>San Pedro Mixtepec -Dto. 22 -</t>
  </si>
  <si>
    <t>San Pedro Mixtepec -Dto. 26 -</t>
  </si>
  <si>
    <t>San Pedro Molinos</t>
  </si>
  <si>
    <t>San Pedro Nopala</t>
  </si>
  <si>
    <t>San Pedro Ocopetatillo</t>
  </si>
  <si>
    <t>San Pedro Ocotepec</t>
  </si>
  <si>
    <t>San Pedro Pochutla</t>
  </si>
  <si>
    <t>San Pedro Quiatoni</t>
  </si>
  <si>
    <t>San Pedro Sochiapam</t>
  </si>
  <si>
    <t>San Pedro Tapanatepec</t>
  </si>
  <si>
    <t>San Pedro Taviche</t>
  </si>
  <si>
    <t>San Pedro Teozacoalco</t>
  </si>
  <si>
    <t>San Pedro Teutila</t>
  </si>
  <si>
    <t>San Pedro Tidaa</t>
  </si>
  <si>
    <t>San Pedro Topiltepec</t>
  </si>
  <si>
    <t>San Pedro Totolapam</t>
  </si>
  <si>
    <t>Villa De Tututepec De Melchor Ocampo</t>
  </si>
  <si>
    <t>San Pedro Yaneri</t>
  </si>
  <si>
    <t>San Pedro Yolox</t>
  </si>
  <si>
    <t>San Pedro Y San Pablo Ayutla</t>
  </si>
  <si>
    <t>Villa De Etla</t>
  </si>
  <si>
    <t>San Pedro Y San Pablo Teposcolula</t>
  </si>
  <si>
    <t>San Pedro Y San Pablo Tequixtepec</t>
  </si>
  <si>
    <t>San Pedro Yucunama</t>
  </si>
  <si>
    <t>San Raymundo Jalpan</t>
  </si>
  <si>
    <t>San Sebastian Abasolo</t>
  </si>
  <si>
    <t>San Sebastian Coatlan</t>
  </si>
  <si>
    <t>San Sebastian Ixcapa</t>
  </si>
  <si>
    <t>San Sebastian Nicananduta</t>
  </si>
  <si>
    <t>San Sebastian Rio Hondo</t>
  </si>
  <si>
    <t>San Sebastian Tecomaxtlahuaca</t>
  </si>
  <si>
    <t>San Sebastian Teitipac</t>
  </si>
  <si>
    <t>San Sebastian Tutla</t>
  </si>
  <si>
    <t>San Simon Almolongas</t>
  </si>
  <si>
    <t>San Simon Zahuatlan</t>
  </si>
  <si>
    <t>Santa Ana</t>
  </si>
  <si>
    <t>Santa Ana Ateixtlahuaca</t>
  </si>
  <si>
    <t>Santa Ana Cuauhtemoc</t>
  </si>
  <si>
    <t>Santa Ana Del Valle</t>
  </si>
  <si>
    <t>Santa Ana Tavela</t>
  </si>
  <si>
    <t>Santa Ana Tlapacoyan</t>
  </si>
  <si>
    <t>Santa Ana Yareni</t>
  </si>
  <si>
    <t>Santa Ana Zegache</t>
  </si>
  <si>
    <t>Santa Catalina Quieri</t>
  </si>
  <si>
    <t>Santa Catarina Cuixtla</t>
  </si>
  <si>
    <t>Santa Catarina Ixtepeji</t>
  </si>
  <si>
    <t>Santa Catarina Juquila</t>
  </si>
  <si>
    <t>Santa Catarina Lachatao</t>
  </si>
  <si>
    <t>Santa Catarina Loxicha</t>
  </si>
  <si>
    <t>Santa Catarina Mechoacan</t>
  </si>
  <si>
    <t>Santa Catarina Minas</t>
  </si>
  <si>
    <t>Santa Catarina Quiane</t>
  </si>
  <si>
    <t>Santa Catarina Tayata</t>
  </si>
  <si>
    <t>Santa Catarina Ticua</t>
  </si>
  <si>
    <t>Santa Catarina Yosonotu</t>
  </si>
  <si>
    <t>Santa Catarina Zapoquila</t>
  </si>
  <si>
    <t>Santa Cruz Acatepec</t>
  </si>
  <si>
    <t>Santa Cruz Amilpas</t>
  </si>
  <si>
    <t>Santa Cruz De Bravo</t>
  </si>
  <si>
    <t>Santa Cruz Itundujia</t>
  </si>
  <si>
    <t>Santa Cruz Mixtepec</t>
  </si>
  <si>
    <t>Santa Cruz Nundaco</t>
  </si>
  <si>
    <t>Santa Cruz Papalutla</t>
  </si>
  <si>
    <t>Santa Cruz Tacache De Mina</t>
  </si>
  <si>
    <t>Santa Cruz Tacahua</t>
  </si>
  <si>
    <t>Santa Cruz Tayata</t>
  </si>
  <si>
    <t>Santa Cruz Xitla</t>
  </si>
  <si>
    <t>Santa Cruz Xoxocotlan</t>
  </si>
  <si>
    <t>Santa Cruz Zenzontepec</t>
  </si>
  <si>
    <t>Santa Gertrudis</t>
  </si>
  <si>
    <t>Santa Ines Del Monte</t>
  </si>
  <si>
    <t>Santa Ines Yatzeche</t>
  </si>
  <si>
    <t>Santa Lucia Del Camino</t>
  </si>
  <si>
    <t>Santa Lucia Miahuatlan</t>
  </si>
  <si>
    <t>Santa Lucia Monteverde</t>
  </si>
  <si>
    <t>Santa Lucia Ocotlan</t>
  </si>
  <si>
    <t>Santa Maria Alotepec</t>
  </si>
  <si>
    <t>Santa Maria Apazco</t>
  </si>
  <si>
    <t>Santa Maria La Asuncion</t>
  </si>
  <si>
    <t>Heroica Ciudad De Tlaxiaco</t>
  </si>
  <si>
    <t>Ayoquezco De Aldama</t>
  </si>
  <si>
    <t>Santa Maria Atzompa</t>
  </si>
  <si>
    <t>Santa Maria Camotlan</t>
  </si>
  <si>
    <t>Santa Maria Colotepec</t>
  </si>
  <si>
    <t>Santa Maria Cortijo</t>
  </si>
  <si>
    <t>Santa Maria Coyotepec</t>
  </si>
  <si>
    <t>Santa Maria Chachoapam</t>
  </si>
  <si>
    <t>Villa De Chilapa De Diaz</t>
  </si>
  <si>
    <t>Santa Maria Chilchotla</t>
  </si>
  <si>
    <t>Santa Maria Chimalapa</t>
  </si>
  <si>
    <t>Santa Maria Del Rosario</t>
  </si>
  <si>
    <t>Santa Maria Del Tule</t>
  </si>
  <si>
    <t>Santa Maria Ecatepec</t>
  </si>
  <si>
    <t>Santa Maria Guelace</t>
  </si>
  <si>
    <t>Santa Maria Guienagati</t>
  </si>
  <si>
    <t>Santa Maria Huatulco</t>
  </si>
  <si>
    <t>Santa Maria Huazolotitlan</t>
  </si>
  <si>
    <t>Santa Maria Ipalapa</t>
  </si>
  <si>
    <t>Santa Maria Ixcatlan</t>
  </si>
  <si>
    <t>Santa Maria Jacatepec</t>
  </si>
  <si>
    <t>Santa Maria Jalapa Del Marques</t>
  </si>
  <si>
    <t>Santa Maria Jaltianguis</t>
  </si>
  <si>
    <t>Santa Maria Lachixio</t>
  </si>
  <si>
    <t>Santa Maria Mixtequilla</t>
  </si>
  <si>
    <t>Santa Maria Nativitas</t>
  </si>
  <si>
    <t>Santa Maria Nduayaco</t>
  </si>
  <si>
    <t>Santa Maria Ozolotepec</t>
  </si>
  <si>
    <t>Santa Maria Papalo</t>
  </si>
  <si>
    <t>Santa Maria Peñoles</t>
  </si>
  <si>
    <t>Santa Maria Petapa</t>
  </si>
  <si>
    <t>Santa Maria Quiegolani</t>
  </si>
  <si>
    <t>Santa Maria Sola</t>
  </si>
  <si>
    <t>Santa Maria Tataltepec</t>
  </si>
  <si>
    <t>Santa Maria Tecomavaca</t>
  </si>
  <si>
    <t>Santa Maria Temaxcalapa</t>
  </si>
  <si>
    <t>Santa Maria Temaxcaltepec</t>
  </si>
  <si>
    <t>Santa Maria Teopoxco</t>
  </si>
  <si>
    <t>Santa Maria Tepantlali</t>
  </si>
  <si>
    <t>Santa Maria Texcatitlan</t>
  </si>
  <si>
    <t>Santa Maria Tlahuitoltepec</t>
  </si>
  <si>
    <t>Santa Maria Tlalixtac</t>
  </si>
  <si>
    <t>Santa Maria Tonameca</t>
  </si>
  <si>
    <t>Santa Maria Totolapilla</t>
  </si>
  <si>
    <t>Santa Maria Xadani</t>
  </si>
  <si>
    <t>Santa Maria Yalina</t>
  </si>
  <si>
    <t>Santa Maria Yavesia</t>
  </si>
  <si>
    <t>Santa Maria Yolotepec</t>
  </si>
  <si>
    <t>Santa Maria Yosoyua</t>
  </si>
  <si>
    <t>Santa Maria Yucuhiti</t>
  </si>
  <si>
    <t>Santa Maria Zacatepec</t>
  </si>
  <si>
    <t>Santa Maria Zaniza</t>
  </si>
  <si>
    <t>Santa Maria Zoquitlan</t>
  </si>
  <si>
    <t>Santiago Amoltepec</t>
  </si>
  <si>
    <t>Santiago Apoala</t>
  </si>
  <si>
    <t>Santiago Apostol</t>
  </si>
  <si>
    <t>Santiago Astata</t>
  </si>
  <si>
    <t>Santiago Atitlan</t>
  </si>
  <si>
    <t>Santiago Ayuquililla</t>
  </si>
  <si>
    <t>Santiago Cacaloxtepec</t>
  </si>
  <si>
    <t>Santiago Camotlan</t>
  </si>
  <si>
    <t>Santiago Comaltepec</t>
  </si>
  <si>
    <t>Santiago Chazumba</t>
  </si>
  <si>
    <t>Santiago Choapam</t>
  </si>
  <si>
    <t>Santiago Del Rio</t>
  </si>
  <si>
    <t>Santiago Huajolotitlan</t>
  </si>
  <si>
    <t>Santiago Huauclilla</t>
  </si>
  <si>
    <t>Santiago Ihuitlan Plumas</t>
  </si>
  <si>
    <t>Santiago Ixcuintepec</t>
  </si>
  <si>
    <t>Santiago Ixtayutla</t>
  </si>
  <si>
    <t>Santiago Jamiltepec</t>
  </si>
  <si>
    <t>Santiago Jocotepec</t>
  </si>
  <si>
    <t>Santiago Juxtlahuaca</t>
  </si>
  <si>
    <t>Santiago Lachiguiri</t>
  </si>
  <si>
    <t>Santiago Lalopa</t>
  </si>
  <si>
    <t>Santiago Laollaga</t>
  </si>
  <si>
    <t>Santiago Laxopa</t>
  </si>
  <si>
    <t>Santiago Llano Grande</t>
  </si>
  <si>
    <t>Santiago Matatlan</t>
  </si>
  <si>
    <t>Santiago Miltepec</t>
  </si>
  <si>
    <t>Santiago Minas</t>
  </si>
  <si>
    <t>Santiago Nacaltepec</t>
  </si>
  <si>
    <t>Santiago Nejapilla</t>
  </si>
  <si>
    <t>Santiago Nundiche</t>
  </si>
  <si>
    <t>Santiago Nuyoo</t>
  </si>
  <si>
    <t>Santiago Pinotepa Nacional</t>
  </si>
  <si>
    <t>Santiago Suchilquitongo</t>
  </si>
  <si>
    <t>Santiago Tamazola</t>
  </si>
  <si>
    <t>Santiago Tapextla</t>
  </si>
  <si>
    <t>Villa Tejupam De La Union</t>
  </si>
  <si>
    <t>Santiago Tenango</t>
  </si>
  <si>
    <t>Santiago Tepetlapa</t>
  </si>
  <si>
    <t>Santiago Tetepec</t>
  </si>
  <si>
    <t>Santiago Texcalcingo</t>
  </si>
  <si>
    <t>Santiago Textitlan</t>
  </si>
  <si>
    <t>Santiago Tilantongo</t>
  </si>
  <si>
    <t>Santiago Tillo</t>
  </si>
  <si>
    <t>Santiago Tlazoyaltepec</t>
  </si>
  <si>
    <t>Santiago Xanica</t>
  </si>
  <si>
    <t>Santiago Xiacui</t>
  </si>
  <si>
    <t>Santiago Yaitepec</t>
  </si>
  <si>
    <t>Santiago Yaveo</t>
  </si>
  <si>
    <t>Santiago Yolomecatl</t>
  </si>
  <si>
    <t>Santiago Yosondua</t>
  </si>
  <si>
    <t>Santiago Yucuyachi</t>
  </si>
  <si>
    <t>Santiago Zacatepec</t>
  </si>
  <si>
    <t>Santiago Zoochila</t>
  </si>
  <si>
    <t>Nuevo Zoquiapam</t>
  </si>
  <si>
    <t>Santo Domingo Ingenio</t>
  </si>
  <si>
    <t>Santo Domingo Albarradas</t>
  </si>
  <si>
    <t>Santo Domingo Armenta</t>
  </si>
  <si>
    <t>Santo Domingo Chihuitan</t>
  </si>
  <si>
    <t>Santo Domingo De Morelos</t>
  </si>
  <si>
    <t>Santo Domingo Ixcatlan</t>
  </si>
  <si>
    <t>Santo Domingo Nuxaa</t>
  </si>
  <si>
    <t>Santo Domingo Ozolotepec</t>
  </si>
  <si>
    <t>Santo Domingo Petapa</t>
  </si>
  <si>
    <t>Santo Domingo Roayaga</t>
  </si>
  <si>
    <t>Santo Domingo Tehuantepec</t>
  </si>
  <si>
    <t>Santo Domingo Teojomulco</t>
  </si>
  <si>
    <t>Santo Domingo Tepuxtepec</t>
  </si>
  <si>
    <t>Santo Domingo Tlatayapam</t>
  </si>
  <si>
    <t>Santo Domingo Tomaltepec</t>
  </si>
  <si>
    <t>Santo Domingo Tonala</t>
  </si>
  <si>
    <t>Santo Domingo Tonaltepec</t>
  </si>
  <si>
    <t>Santo Domingo Xagacia</t>
  </si>
  <si>
    <t>Santo Domingo Yanhuitlan</t>
  </si>
  <si>
    <t>Santo Domingo Yodohino</t>
  </si>
  <si>
    <t>Santo Domingo Zanatepec</t>
  </si>
  <si>
    <t>Santos Reyes Nopala</t>
  </si>
  <si>
    <t>Santos Reyes Papalo</t>
  </si>
  <si>
    <t>Santos Reyes Tepejillo</t>
  </si>
  <si>
    <t>Santos Reyes Yucuna</t>
  </si>
  <si>
    <t>Santo Tomas Jalieza</t>
  </si>
  <si>
    <t>Santo Tomas Mazaltepec</t>
  </si>
  <si>
    <t>Santo Tomas Ocotepec</t>
  </si>
  <si>
    <t>Santo Tomas Tamazulapan</t>
  </si>
  <si>
    <t>San Vicente Coatlan</t>
  </si>
  <si>
    <t>San Vicente Lachixio</t>
  </si>
  <si>
    <t>San Vicente Nuñu</t>
  </si>
  <si>
    <t>Silacayoapam</t>
  </si>
  <si>
    <t>Sitio De Xitlapehua</t>
  </si>
  <si>
    <t>Soledad Etla</t>
  </si>
  <si>
    <t>Villa De Tamazulapam Del Progreso</t>
  </si>
  <si>
    <t>Tanetze De Zaragoza</t>
  </si>
  <si>
    <t>Taniche</t>
  </si>
  <si>
    <t>Tataltepec De Valdes</t>
  </si>
  <si>
    <t>Teococuilco De Marcos Perez</t>
  </si>
  <si>
    <t>Teotitlan De Flores Magon</t>
  </si>
  <si>
    <t>Teotitlan Del Valle</t>
  </si>
  <si>
    <t>Teotongo</t>
  </si>
  <si>
    <t>Tepelmeme Villa De Morelos</t>
  </si>
  <si>
    <t>Heroica Villa Tezoatlan De Segura Y Luna, Cuna De La Independencia De Oaxaca</t>
  </si>
  <si>
    <t>San Jeronimo Tlacochahuaya</t>
  </si>
  <si>
    <t>Tlacolula De Matamoros</t>
  </si>
  <si>
    <t>Tlacotepec Plumas</t>
  </si>
  <si>
    <t>Tlalixtac De Cabrera</t>
  </si>
  <si>
    <t>Totontepec Villa De Morelos</t>
  </si>
  <si>
    <t>Trinidad Zaachila</t>
  </si>
  <si>
    <t>La Trinidad Vista Hermosa</t>
  </si>
  <si>
    <t>Union Hidalgo</t>
  </si>
  <si>
    <t>Valerio Trujano</t>
  </si>
  <si>
    <t>San Juan Bautista Valle Nacional</t>
  </si>
  <si>
    <t>Villa Diaz Ordaz</t>
  </si>
  <si>
    <t>Yaxe</t>
  </si>
  <si>
    <t>Magdalena Yodocono De Porfirio Diaz</t>
  </si>
  <si>
    <t>Yogana</t>
  </si>
  <si>
    <t>Yutanduchi De Guerrero</t>
  </si>
  <si>
    <t>Villa De Zaachila</t>
  </si>
  <si>
    <t>San Mateo Yucutindo</t>
  </si>
  <si>
    <t>Zapotitlan Lagunas</t>
  </si>
  <si>
    <t>Zapotitlan Palmas</t>
  </si>
  <si>
    <t>Santa Ines De Zaragoza</t>
  </si>
  <si>
    <t>Puebla</t>
  </si>
  <si>
    <t>Acajete</t>
  </si>
  <si>
    <t>Acateno</t>
  </si>
  <si>
    <t>Acatzingo</t>
  </si>
  <si>
    <t>Acteopan</t>
  </si>
  <si>
    <t>Ahuatlan</t>
  </si>
  <si>
    <t>Ahuazotepec</t>
  </si>
  <si>
    <t>Ahuehuetitla</t>
  </si>
  <si>
    <t>Ajalpan</t>
  </si>
  <si>
    <t>Albino Zertuche</t>
  </si>
  <si>
    <t>Aljojuca</t>
  </si>
  <si>
    <t>Altepexi</t>
  </si>
  <si>
    <t>Amixtlan</t>
  </si>
  <si>
    <t>Amozoc</t>
  </si>
  <si>
    <t>Aquixtla</t>
  </si>
  <si>
    <t>Atempan</t>
  </si>
  <si>
    <t>Atexcal</t>
  </si>
  <si>
    <t>Atlixco</t>
  </si>
  <si>
    <t>Atoyatempan</t>
  </si>
  <si>
    <t>Atzala</t>
  </si>
  <si>
    <t>Atzitzihuacan</t>
  </si>
  <si>
    <t>Atzitzintla</t>
  </si>
  <si>
    <t>Axutla</t>
  </si>
  <si>
    <t>Ayotoxco De Guerrero</t>
  </si>
  <si>
    <t>Calpan</t>
  </si>
  <si>
    <t>Caltepec</t>
  </si>
  <si>
    <t>Camocuautla</t>
  </si>
  <si>
    <t>Caxhuacan</t>
  </si>
  <si>
    <t>Coatepec</t>
  </si>
  <si>
    <t>Coatzingo</t>
  </si>
  <si>
    <t>Cohetzala</t>
  </si>
  <si>
    <t>Cohuecan</t>
  </si>
  <si>
    <t>Coronango</t>
  </si>
  <si>
    <t>Coxcatlan</t>
  </si>
  <si>
    <t>Coyomeapan</t>
  </si>
  <si>
    <t>Cuapiaxtla De Madero</t>
  </si>
  <si>
    <t>Cuautempan</t>
  </si>
  <si>
    <t>Cuautinchan</t>
  </si>
  <si>
    <t>Cuautlancingo</t>
  </si>
  <si>
    <t>Cuayuca De Andrade</t>
  </si>
  <si>
    <t>Cuetzalan Del Progreso</t>
  </si>
  <si>
    <t>Cuyoaco</t>
  </si>
  <si>
    <t>Chalchicomula De Sesma</t>
  </si>
  <si>
    <t>Chapulco</t>
  </si>
  <si>
    <t>Chiautzingo</t>
  </si>
  <si>
    <t>Chiconcuautla</t>
  </si>
  <si>
    <t>Chichiquila</t>
  </si>
  <si>
    <t>Chietla</t>
  </si>
  <si>
    <t>Chigmecatitlan</t>
  </si>
  <si>
    <t>Chignahuapan</t>
  </si>
  <si>
    <t>Chignautla</t>
  </si>
  <si>
    <t>Chila</t>
  </si>
  <si>
    <t>Chila De La Sal</t>
  </si>
  <si>
    <t>Honey</t>
  </si>
  <si>
    <t>Chilchotla</t>
  </si>
  <si>
    <t>Chinantla</t>
  </si>
  <si>
    <t>Domingo Arenas</t>
  </si>
  <si>
    <t>Epatlan</t>
  </si>
  <si>
    <t>Esperanza</t>
  </si>
  <si>
    <t>Francisco Z. Mena</t>
  </si>
  <si>
    <t>Hermenegildo Galeana</t>
  </si>
  <si>
    <t>Huaquechula</t>
  </si>
  <si>
    <t>Huatlatlauca</t>
  </si>
  <si>
    <t>Huauchinango</t>
  </si>
  <si>
    <t>Huehuetlan El Chico</t>
  </si>
  <si>
    <t>Huejotzingo</t>
  </si>
  <si>
    <t>Hueyapan</t>
  </si>
  <si>
    <t>Hueytamalco</t>
  </si>
  <si>
    <t>Hueytlalpan</t>
  </si>
  <si>
    <t>Huitzilan De Serdan</t>
  </si>
  <si>
    <t>Huitziltepec</t>
  </si>
  <si>
    <t>Atlequizayan</t>
  </si>
  <si>
    <t>Ixcamilpa De Guerrero</t>
  </si>
  <si>
    <t>Ixcaquixtla</t>
  </si>
  <si>
    <t>Ixtacamaxtitlan</t>
  </si>
  <si>
    <t>Ixtepec</t>
  </si>
  <si>
    <t>Izucar De Matamoros</t>
  </si>
  <si>
    <t>Jalpan</t>
  </si>
  <si>
    <t>Jolalpan</t>
  </si>
  <si>
    <t>Jonotla</t>
  </si>
  <si>
    <t>Jopala</t>
  </si>
  <si>
    <t>Juan C. Bonilla</t>
  </si>
  <si>
    <t>Juan Galindo</t>
  </si>
  <si>
    <t>Juan N. Mendez</t>
  </si>
  <si>
    <t>Lafragua</t>
  </si>
  <si>
    <t>Libres</t>
  </si>
  <si>
    <t>La Magdalena Tlatlauquitepec</t>
  </si>
  <si>
    <t>Mazapiltepec De Juarez</t>
  </si>
  <si>
    <t>Mixtla</t>
  </si>
  <si>
    <t>Molcaxac</t>
  </si>
  <si>
    <t>Cañada Morelos</t>
  </si>
  <si>
    <t>Naupan</t>
  </si>
  <si>
    <t>Nauzontla</t>
  </si>
  <si>
    <t>Nealtican</t>
  </si>
  <si>
    <t>Nicolas Bravo</t>
  </si>
  <si>
    <t>Nopalucan</t>
  </si>
  <si>
    <t>Ocoyucan</t>
  </si>
  <si>
    <t>Olintla</t>
  </si>
  <si>
    <t>Oriental</t>
  </si>
  <si>
    <t>Pahuatlan</t>
  </si>
  <si>
    <t>Palmar De Bravo</t>
  </si>
  <si>
    <t>Petlalcingo</t>
  </si>
  <si>
    <t>Piaxtla</t>
  </si>
  <si>
    <t>Quecholac</t>
  </si>
  <si>
    <t>Quimixtlan</t>
  </si>
  <si>
    <t>Rafael Lara Grajales</t>
  </si>
  <si>
    <t>Los Reyes De Juarez</t>
  </si>
  <si>
    <t>San Andres Cholula</t>
  </si>
  <si>
    <t>San Antonio Cañada</t>
  </si>
  <si>
    <t>San Diego La Mesa Tochimiltzingo</t>
  </si>
  <si>
    <t>San Felipe Teotlalcingo</t>
  </si>
  <si>
    <t>San Felipe Tepatlan</t>
  </si>
  <si>
    <t>San Gabriel Chilac</t>
  </si>
  <si>
    <t>San Gregorio Atzompa</t>
  </si>
  <si>
    <t>San Jeronimo Tecuanipan</t>
  </si>
  <si>
    <t>San Jeronimo Xayacatlan</t>
  </si>
  <si>
    <t>San Jose Chiapa</t>
  </si>
  <si>
    <t>San Jose Miahuatlan</t>
  </si>
  <si>
    <t>San Juan Atenco</t>
  </si>
  <si>
    <t>San Juan Atzompa</t>
  </si>
  <si>
    <t>San Martin Texmelucan</t>
  </si>
  <si>
    <t>San Martin Totoltepec</t>
  </si>
  <si>
    <t>San Matias Tlalancaleca</t>
  </si>
  <si>
    <t>San Miguel Ixitlan</t>
  </si>
  <si>
    <t>San Miguel Xoxtla</t>
  </si>
  <si>
    <t>San Nicolas Buenos Aires</t>
  </si>
  <si>
    <t>San Nicolas De Los Ranchos</t>
  </si>
  <si>
    <t>San Pablo Anicano</t>
  </si>
  <si>
    <t>San Pedro Cholula</t>
  </si>
  <si>
    <t>San Pedro Yeloixtlahuaca</t>
  </si>
  <si>
    <t>San Salvador El Seco</t>
  </si>
  <si>
    <t>San Salvador El Verde</t>
  </si>
  <si>
    <t>San Salvador Huixcolotla</t>
  </si>
  <si>
    <t>San Sebastian Tlacotepec</t>
  </si>
  <si>
    <t>Santa Catarina Tlaltempan</t>
  </si>
  <si>
    <t>Santa Ines Ahuatempan</t>
  </si>
  <si>
    <t>Santa Isabel Cholula</t>
  </si>
  <si>
    <t>Santiago Miahuatlan</t>
  </si>
  <si>
    <t>Huehuetlan El Grande</t>
  </si>
  <si>
    <t>Santo Tomas Hueyotlipan</t>
  </si>
  <si>
    <t>Soltepec</t>
  </si>
  <si>
    <t>Tecali De Herrera</t>
  </si>
  <si>
    <t>Tecamachalco</t>
  </si>
  <si>
    <t>Tecomatlan</t>
  </si>
  <si>
    <t>Tehuacan</t>
  </si>
  <si>
    <t>Tehuitzingo</t>
  </si>
  <si>
    <t>Tenampulco</t>
  </si>
  <si>
    <t>Teopantlan</t>
  </si>
  <si>
    <t>Teotlalco</t>
  </si>
  <si>
    <t>Tepanco De Lopez</t>
  </si>
  <si>
    <t>Tepango De Rodriguez</t>
  </si>
  <si>
    <t>Tepatlaxco De Hidalgo</t>
  </si>
  <si>
    <t>Tepeaca</t>
  </si>
  <si>
    <t>Tepemaxalco</t>
  </si>
  <si>
    <t>Tepeojuma</t>
  </si>
  <si>
    <t>Tepetzintla</t>
  </si>
  <si>
    <t>Tepexco</t>
  </si>
  <si>
    <t>Tepexi De Rodriguez</t>
  </si>
  <si>
    <t>Tepeyahualco</t>
  </si>
  <si>
    <t>Tepeyahualco De Cuauhtemoc</t>
  </si>
  <si>
    <t>Tetela De Ocampo</t>
  </si>
  <si>
    <t>Teteles De Avila Castillo</t>
  </si>
  <si>
    <t>Teziutlan</t>
  </si>
  <si>
    <t>Tianguismanalco</t>
  </si>
  <si>
    <t>Tilapa</t>
  </si>
  <si>
    <t>Tlacotepec De Benito Juarez</t>
  </si>
  <si>
    <t>Tlacuilotepec</t>
  </si>
  <si>
    <t>Tlachichuca</t>
  </si>
  <si>
    <t>Tlahuapan</t>
  </si>
  <si>
    <t>Tlaltenango</t>
  </si>
  <si>
    <t>Tlanepantla</t>
  </si>
  <si>
    <t>Tlaola</t>
  </si>
  <si>
    <t>Tlapacoya</t>
  </si>
  <si>
    <t>Tlapanala</t>
  </si>
  <si>
    <t>Tlatlauquitepec</t>
  </si>
  <si>
    <t>Tlaxco</t>
  </si>
  <si>
    <t>Tochimilco</t>
  </si>
  <si>
    <t>Tochtepec</t>
  </si>
  <si>
    <t>Totoltepec De Guerrero</t>
  </si>
  <si>
    <t>Tulcingo</t>
  </si>
  <si>
    <t>Tuzamapan De Galeana</t>
  </si>
  <si>
    <t>Tzicatlacoyan</t>
  </si>
  <si>
    <t>Xayacatlan De Bravo</t>
  </si>
  <si>
    <t>Xicotepec</t>
  </si>
  <si>
    <t>Xicotlan</t>
  </si>
  <si>
    <t>Xiutetelco</t>
  </si>
  <si>
    <t>Xochiapulco</t>
  </si>
  <si>
    <t>Xochiltepec</t>
  </si>
  <si>
    <t>Xochitlan De Vicente Suarez</t>
  </si>
  <si>
    <t>Xochitlan Todos Santos</t>
  </si>
  <si>
    <t>Yaonahuac</t>
  </si>
  <si>
    <t>Yehualtepec</t>
  </si>
  <si>
    <t>Zacapala</t>
  </si>
  <si>
    <t>Zacapoaxtla</t>
  </si>
  <si>
    <t>Zacatlan</t>
  </si>
  <si>
    <t>Zapotitlan</t>
  </si>
  <si>
    <t>Zapotitlan De Mendez</t>
  </si>
  <si>
    <t>Zautla</t>
  </si>
  <si>
    <t>Zihuateutla</t>
  </si>
  <si>
    <t>Zinacatepec</t>
  </si>
  <si>
    <t>Zongozotla</t>
  </si>
  <si>
    <t>Zoquiapan</t>
  </si>
  <si>
    <t>Zoquitlan</t>
  </si>
  <si>
    <t>Queretaro</t>
  </si>
  <si>
    <t>Amealco De Bonfil</t>
  </si>
  <si>
    <t>Pinal De Amoles</t>
  </si>
  <si>
    <t>Arroyo Seco</t>
  </si>
  <si>
    <t>Cadereyta De Montes</t>
  </si>
  <si>
    <t>Colon</t>
  </si>
  <si>
    <t>Corregidora</t>
  </si>
  <si>
    <t>Ezequiel Montes</t>
  </si>
  <si>
    <t>Huimilpan</t>
  </si>
  <si>
    <t>Jalpan De Serra</t>
  </si>
  <si>
    <t>Landa De Matamoros</t>
  </si>
  <si>
    <t>El Marques</t>
  </si>
  <si>
    <t>Pedro Escobedo</t>
  </si>
  <si>
    <t>Peñamiller</t>
  </si>
  <si>
    <t>San Joaquin</t>
  </si>
  <si>
    <t>Tequisquiapan</t>
  </si>
  <si>
    <t>Quintana Roo</t>
  </si>
  <si>
    <t>Cozumel</t>
  </si>
  <si>
    <t>Felipe Carrillo Puerto</t>
  </si>
  <si>
    <t>Isla Mujeres</t>
  </si>
  <si>
    <t>Othon P. Blanco</t>
  </si>
  <si>
    <t>Jose Maria Morelos</t>
  </si>
  <si>
    <t>Solidaridad</t>
  </si>
  <si>
    <t>Tulum</t>
  </si>
  <si>
    <t>Cancun</t>
  </si>
  <si>
    <t>Bacalar</t>
  </si>
  <si>
    <t>San Luis Potosi</t>
  </si>
  <si>
    <t>Ahualulco</t>
  </si>
  <si>
    <t>Alaquines</t>
  </si>
  <si>
    <t>Aquismon</t>
  </si>
  <si>
    <t>Armadillo De Los Infante</t>
  </si>
  <si>
    <t>Cardenas</t>
  </si>
  <si>
    <t>Catorce</t>
  </si>
  <si>
    <t>Cedral</t>
  </si>
  <si>
    <t>Cerritos</t>
  </si>
  <si>
    <t>Cerro De San Pedro</t>
  </si>
  <si>
    <t>Ciudad Del Maiz</t>
  </si>
  <si>
    <t>Ciudad Fernandez</t>
  </si>
  <si>
    <t>Tancanhuitz</t>
  </si>
  <si>
    <t>Ciudad Valles</t>
  </si>
  <si>
    <t>Charcas</t>
  </si>
  <si>
    <t>Ebano</t>
  </si>
  <si>
    <t>Guadalcazar</t>
  </si>
  <si>
    <t>Huehuetlan</t>
  </si>
  <si>
    <t>Matehuala</t>
  </si>
  <si>
    <t>Mexquitic De Carmona</t>
  </si>
  <si>
    <t>Moctezuma</t>
  </si>
  <si>
    <t>Rioverde</t>
  </si>
  <si>
    <t>Salinas</t>
  </si>
  <si>
    <t>San Antonio</t>
  </si>
  <si>
    <t>San Ciro De Acosta</t>
  </si>
  <si>
    <t>San Martin Chalchicuautla</t>
  </si>
  <si>
    <t>San Nicolas Tolentino</t>
  </si>
  <si>
    <t>Santa Maria Del Rio</t>
  </si>
  <si>
    <t>Santo Domingo</t>
  </si>
  <si>
    <t>San Vicente Tancuayalab</t>
  </si>
  <si>
    <t>Soledad De Graciano Sanchez</t>
  </si>
  <si>
    <t>Tamasopo</t>
  </si>
  <si>
    <t>Tamazunchale</t>
  </si>
  <si>
    <t>Tampacan</t>
  </si>
  <si>
    <t>Tampamolon Corona</t>
  </si>
  <si>
    <t>Tamuin</t>
  </si>
  <si>
    <t>Tanlajas</t>
  </si>
  <si>
    <t>Tanquian De Escobedo</t>
  </si>
  <si>
    <t>Tierra Nueva</t>
  </si>
  <si>
    <t>Vanegas</t>
  </si>
  <si>
    <t>Venado</t>
  </si>
  <si>
    <t>Villa De Arriaga</t>
  </si>
  <si>
    <t>Villa De Guadalupe</t>
  </si>
  <si>
    <t>Villa De La Paz</t>
  </si>
  <si>
    <t>Villa De Ramos</t>
  </si>
  <si>
    <t>Villa De Reyes</t>
  </si>
  <si>
    <t>Villa Juarez</t>
  </si>
  <si>
    <t>Axtla De Terrazas</t>
  </si>
  <si>
    <t>Xilitla</t>
  </si>
  <si>
    <t>Villa De Arista</t>
  </si>
  <si>
    <t>Matlapa</t>
  </si>
  <si>
    <t>El Naranjo</t>
  </si>
  <si>
    <t>Tabasco</t>
  </si>
  <si>
    <t>Balancan</t>
  </si>
  <si>
    <t>Centla</t>
  </si>
  <si>
    <t>Centro</t>
  </si>
  <si>
    <t>Comalcalco</t>
  </si>
  <si>
    <t>Cunduacan</t>
  </si>
  <si>
    <t>Huimanguillo</t>
  </si>
  <si>
    <t>Jalapa</t>
  </si>
  <si>
    <t>Jalpa De Mendez</t>
  </si>
  <si>
    <t>Jonuta</t>
  </si>
  <si>
    <t>Macuspana</t>
  </si>
  <si>
    <t>Nacajuca</t>
  </si>
  <si>
    <t>Paraiso</t>
  </si>
  <si>
    <t>Tacotalpa</t>
  </si>
  <si>
    <t>Teapa</t>
  </si>
  <si>
    <t>Tenosique</t>
  </si>
  <si>
    <t>Zacatecas</t>
  </si>
  <si>
    <t>Apozol</t>
  </si>
  <si>
    <t>Apulco</t>
  </si>
  <si>
    <t>Atolinga</t>
  </si>
  <si>
    <t>Calera</t>
  </si>
  <si>
    <t>Cañitas De Felipe Pescador</t>
  </si>
  <si>
    <t>Concepcion Del Oro</t>
  </si>
  <si>
    <t>Chalchihuites</t>
  </si>
  <si>
    <t>Fresnillo</t>
  </si>
  <si>
    <t>Trinidad Garcia De La Cadena</t>
  </si>
  <si>
    <t>Genaro Codina</t>
  </si>
  <si>
    <t>General Enrique Estrada</t>
  </si>
  <si>
    <t>General Francisco R. Murguia</t>
  </si>
  <si>
    <t>El Plateado De Joaquin Amaro</t>
  </si>
  <si>
    <t>General Panfilo Natera</t>
  </si>
  <si>
    <t>Huanusco</t>
  </si>
  <si>
    <t>Jalpa</t>
  </si>
  <si>
    <t>Jerez</t>
  </si>
  <si>
    <t>Jimenez Del Teul</t>
  </si>
  <si>
    <t>Juan Aldama</t>
  </si>
  <si>
    <t>Juchipila</t>
  </si>
  <si>
    <t>Luis Moya</t>
  </si>
  <si>
    <t>Mazapil</t>
  </si>
  <si>
    <t>Mezquital Del Oro</t>
  </si>
  <si>
    <t>Miguel Auza</t>
  </si>
  <si>
    <t>Momax</t>
  </si>
  <si>
    <t>Monte Escobedo</t>
  </si>
  <si>
    <t>Moyahua De Estrada</t>
  </si>
  <si>
    <t>Nochistlan De Mejia</t>
  </si>
  <si>
    <t>Ojocaliente</t>
  </si>
  <si>
    <t>Panuco</t>
  </si>
  <si>
    <t>Pinos</t>
  </si>
  <si>
    <t>Rio Grande</t>
  </si>
  <si>
    <t>Sain Alto</t>
  </si>
  <si>
    <t>El Salvador</t>
  </si>
  <si>
    <t>Sombrerete</t>
  </si>
  <si>
    <t>Susticacan</t>
  </si>
  <si>
    <t>Tepechitlan</t>
  </si>
  <si>
    <t>Tepetongo</t>
  </si>
  <si>
    <t>Teul De Gonzalez Ortega</t>
  </si>
  <si>
    <t>Tlaltenango De Sanchez Roman</t>
  </si>
  <si>
    <t>Valparaiso</t>
  </si>
  <si>
    <t>Vetagrande</t>
  </si>
  <si>
    <t>Villa De Cos</t>
  </si>
  <si>
    <t>Villa Garcia</t>
  </si>
  <si>
    <t>Villa Gonzalez Ortega</t>
  </si>
  <si>
    <t>Villanueva</t>
  </si>
  <si>
    <t>Trancoso</t>
  </si>
  <si>
    <t>Santa Maria De La Paz</t>
  </si>
  <si>
    <t>Sinaloa</t>
  </si>
  <si>
    <t>Guamichil</t>
  </si>
  <si>
    <t>Los Mochis</t>
  </si>
  <si>
    <t>Ahome</t>
  </si>
  <si>
    <t>Angostura</t>
  </si>
  <si>
    <t>Badiraguato</t>
  </si>
  <si>
    <t>Concordia</t>
  </si>
  <si>
    <t>Cosala</t>
  </si>
  <si>
    <t>Culiacan</t>
  </si>
  <si>
    <t>Choix</t>
  </si>
  <si>
    <t>Elota</t>
  </si>
  <si>
    <t>Escuinapa</t>
  </si>
  <si>
    <t>El Fuerte</t>
  </si>
  <si>
    <t>Guasave</t>
  </si>
  <si>
    <t>Mazatlan</t>
  </si>
  <si>
    <t>Mocorito</t>
  </si>
  <si>
    <t>Salvador Alvarado</t>
  </si>
  <si>
    <t>San Ignacio</t>
  </si>
  <si>
    <t>Navolato</t>
  </si>
  <si>
    <t>Sonora</t>
  </si>
  <si>
    <t>Aconchi</t>
  </si>
  <si>
    <t>Agua Prieta</t>
  </si>
  <si>
    <t>Alamos</t>
  </si>
  <si>
    <t>Altar</t>
  </si>
  <si>
    <t>Arivechi</t>
  </si>
  <si>
    <t>Arizpe</t>
  </si>
  <si>
    <t>Atil</t>
  </si>
  <si>
    <t>Bacadehuachi</t>
  </si>
  <si>
    <t>Bacanora</t>
  </si>
  <si>
    <t>Bacerac</t>
  </si>
  <si>
    <t>Bacoachi</t>
  </si>
  <si>
    <t>Bacum</t>
  </si>
  <si>
    <t>Banamichi</t>
  </si>
  <si>
    <t>Baviacora</t>
  </si>
  <si>
    <t>Bavispe</t>
  </si>
  <si>
    <t>Benjamin Hill</t>
  </si>
  <si>
    <t>Caborca</t>
  </si>
  <si>
    <t>Cajeme</t>
  </si>
  <si>
    <t>Cananea</t>
  </si>
  <si>
    <t>Carbo</t>
  </si>
  <si>
    <t>La Colorada</t>
  </si>
  <si>
    <t>Cucurpe</t>
  </si>
  <si>
    <t>Cumpas</t>
  </si>
  <si>
    <t>Divisaderos</t>
  </si>
  <si>
    <t>Empalme</t>
  </si>
  <si>
    <t>Etchojoa</t>
  </si>
  <si>
    <t>Fronteras</t>
  </si>
  <si>
    <t>Granados</t>
  </si>
  <si>
    <t>Guaymas</t>
  </si>
  <si>
    <t>Hermosillo</t>
  </si>
  <si>
    <t>Huachinera</t>
  </si>
  <si>
    <t>Huasabas</t>
  </si>
  <si>
    <t>Huatabampo</t>
  </si>
  <si>
    <t>Huepac</t>
  </si>
  <si>
    <t>Imuris</t>
  </si>
  <si>
    <t>Naco</t>
  </si>
  <si>
    <t>Nacori Chico</t>
  </si>
  <si>
    <t>Nacozari De Garcia</t>
  </si>
  <si>
    <t>Navojoa</t>
  </si>
  <si>
    <t>Nogales</t>
  </si>
  <si>
    <t>Onavas</t>
  </si>
  <si>
    <t>Opodepe</t>
  </si>
  <si>
    <t>Oquitoa</t>
  </si>
  <si>
    <t>Pitiquito</t>
  </si>
  <si>
    <t>Puerto Peñasco</t>
  </si>
  <si>
    <t>Quiriego</t>
  </si>
  <si>
    <t>Sahuaripa</t>
  </si>
  <si>
    <t>San Felipe De Jesus</t>
  </si>
  <si>
    <t>San Javier</t>
  </si>
  <si>
    <t>San Luis Rio Colorado</t>
  </si>
  <si>
    <t>San Miguel De Horcasitas</t>
  </si>
  <si>
    <t>San Pedro De La Cueva</t>
  </si>
  <si>
    <t>Santa Cruz</t>
  </si>
  <si>
    <t>Saric</t>
  </si>
  <si>
    <t>Soyopa</t>
  </si>
  <si>
    <t>Suaqui Grande</t>
  </si>
  <si>
    <t>Tepache</t>
  </si>
  <si>
    <t>Trincheras</t>
  </si>
  <si>
    <t>Tubutama</t>
  </si>
  <si>
    <t>Ures</t>
  </si>
  <si>
    <t>Villa Pesqueira</t>
  </si>
  <si>
    <t>Yecora</t>
  </si>
  <si>
    <t>General Plutarco Elias Calles</t>
  </si>
  <si>
    <t>San Ignacio Rio Muerto</t>
  </si>
  <si>
    <t>Tamaulipas</t>
  </si>
  <si>
    <t>Altamira</t>
  </si>
  <si>
    <t>Antiguo Morelos</t>
  </si>
  <si>
    <t>Burgos</t>
  </si>
  <si>
    <t>Casas</t>
  </si>
  <si>
    <t>Ciudad Madero</t>
  </si>
  <si>
    <t>Cruillas</t>
  </si>
  <si>
    <t>Gonzalez</t>
  </si>
  <si>
    <t>Güemez</t>
  </si>
  <si>
    <t>Gustavo Diaz Ordaz</t>
  </si>
  <si>
    <t>Jaumave</t>
  </si>
  <si>
    <t>Llera</t>
  </si>
  <si>
    <t>Mainero</t>
  </si>
  <si>
    <t>El Mante</t>
  </si>
  <si>
    <t>Mendez</t>
  </si>
  <si>
    <t>Mier</t>
  </si>
  <si>
    <t>Miquihuana</t>
  </si>
  <si>
    <t>Nuevo Laredo</t>
  </si>
  <si>
    <t>Nuevo Morelos</t>
  </si>
  <si>
    <t>Padilla</t>
  </si>
  <si>
    <t>Palmillas</t>
  </si>
  <si>
    <t>Reynosa</t>
  </si>
  <si>
    <t>Rio Bravo</t>
  </si>
  <si>
    <t>San Carlos</t>
  </si>
  <si>
    <t>Soto La Marina</t>
  </si>
  <si>
    <t>Tampico</t>
  </si>
  <si>
    <t>Tula</t>
  </si>
  <si>
    <t>Valle Hermoso</t>
  </si>
  <si>
    <t>Xicotencatl</t>
  </si>
  <si>
    <t>Tlaxcala</t>
  </si>
  <si>
    <t>Amaxac De Guerrero</t>
  </si>
  <si>
    <t>Apetatitlan De Antonio Carvajal</t>
  </si>
  <si>
    <t>Atlangatepec</t>
  </si>
  <si>
    <t>Altzayanca</t>
  </si>
  <si>
    <t>Apizaco</t>
  </si>
  <si>
    <t>Calpulalpan</t>
  </si>
  <si>
    <t>El Carmen Tequexquitla</t>
  </si>
  <si>
    <t>Cuapiaxtla</t>
  </si>
  <si>
    <t>Cuaxomulco</t>
  </si>
  <si>
    <t>Chiautempan</t>
  </si>
  <si>
    <t>Muñoz De Domingo Arenas</t>
  </si>
  <si>
    <t>Españita</t>
  </si>
  <si>
    <t>Huamantla</t>
  </si>
  <si>
    <t>Hueyotlipan</t>
  </si>
  <si>
    <t>Ixtacuixtla De Mariano Matamoros</t>
  </si>
  <si>
    <t>Ixtenco</t>
  </si>
  <si>
    <t>Mazatecochco De Jose Maria Morelos</t>
  </si>
  <si>
    <t>Contla De Juan Cuamatzi</t>
  </si>
  <si>
    <t>Tepetitla De Lardizabal</t>
  </si>
  <si>
    <t>Sanctorum De Lazaro Cardenas</t>
  </si>
  <si>
    <t>Nanacamilpa De Mariano Arista</t>
  </si>
  <si>
    <t>Acuamanala De Miguel Hidalgo</t>
  </si>
  <si>
    <t>Nativitas</t>
  </si>
  <si>
    <t>Panotla</t>
  </si>
  <si>
    <t>San Pablo Del Monte</t>
  </si>
  <si>
    <t>Santa Cruz Tlaxcala</t>
  </si>
  <si>
    <t>Teolocholco</t>
  </si>
  <si>
    <t>Tepeyanco</t>
  </si>
  <si>
    <t>Terrenate</t>
  </si>
  <si>
    <t>Tetla De La Solidaridad</t>
  </si>
  <si>
    <t>Tetlatlahuca</t>
  </si>
  <si>
    <t>Tocatlan</t>
  </si>
  <si>
    <t>Totolac</t>
  </si>
  <si>
    <t>Ziltlaltepec De Trinidad Sanchez Santos</t>
  </si>
  <si>
    <t>Tzompantepec</t>
  </si>
  <si>
    <t>Xaloztoc</t>
  </si>
  <si>
    <t>Xaltocan</t>
  </si>
  <si>
    <t>Papalotla De Xicohtencatl</t>
  </si>
  <si>
    <t>Xicohtzinco</t>
  </si>
  <si>
    <t>Yauhquemehcan</t>
  </si>
  <si>
    <t>Zacatelco</t>
  </si>
  <si>
    <t>La Magdalena Tlaltelulco</t>
  </si>
  <si>
    <t>San Damian Texoloc</t>
  </si>
  <si>
    <t>San Francisco Tetlanohcan</t>
  </si>
  <si>
    <t>San Jeronimo Zacualpan</t>
  </si>
  <si>
    <t>San Jose Teacalco</t>
  </si>
  <si>
    <t>San Juan Huactzinco</t>
  </si>
  <si>
    <t>San Lorenzo Axocomanitla</t>
  </si>
  <si>
    <t>San Lucas Tecopilco</t>
  </si>
  <si>
    <t>Santa Ana Nopalucan</t>
  </si>
  <si>
    <t>Santa Apolonia Teacalco</t>
  </si>
  <si>
    <t>Santa Catarina Ayometla</t>
  </si>
  <si>
    <t>Santa Cruz Quilehtla</t>
  </si>
  <si>
    <t>Santa Isabel Xiloxoxtla</t>
  </si>
  <si>
    <t>Yucatan</t>
  </si>
  <si>
    <t>Abala</t>
  </si>
  <si>
    <t>Acanceh</t>
  </si>
  <si>
    <t>Akil</t>
  </si>
  <si>
    <t>Baca</t>
  </si>
  <si>
    <t>Bokoba</t>
  </si>
  <si>
    <t>Buctzotz</t>
  </si>
  <si>
    <t>Cacalchen</t>
  </si>
  <si>
    <t>Calotmul</t>
  </si>
  <si>
    <t>Cansahcab</t>
  </si>
  <si>
    <t>Cantamayec</t>
  </si>
  <si>
    <t>Celestun</t>
  </si>
  <si>
    <t>Cenotillo</t>
  </si>
  <si>
    <t>Conkal</t>
  </si>
  <si>
    <t>Cuncunul</t>
  </si>
  <si>
    <t>Cuzama</t>
  </si>
  <si>
    <t>Chacsinkin</t>
  </si>
  <si>
    <t>Chankom</t>
  </si>
  <si>
    <t>Chapab</t>
  </si>
  <si>
    <t>Chemax</t>
  </si>
  <si>
    <t>Chicxulub Pueblo</t>
  </si>
  <si>
    <t>Chichimila</t>
  </si>
  <si>
    <t>Chikindzonot</t>
  </si>
  <si>
    <t>Chochola</t>
  </si>
  <si>
    <t>Chumayel</t>
  </si>
  <si>
    <t>Dzan</t>
  </si>
  <si>
    <t>Dzemul</t>
  </si>
  <si>
    <t>Dzidzantun</t>
  </si>
  <si>
    <t>Dzilam De Bravo</t>
  </si>
  <si>
    <t>Dzilam Gonzalez</t>
  </si>
  <si>
    <t>Dzitas</t>
  </si>
  <si>
    <t>Dzoncauich</t>
  </si>
  <si>
    <t>Espita</t>
  </si>
  <si>
    <t>Halacho</t>
  </si>
  <si>
    <t>Hocaba</t>
  </si>
  <si>
    <t>Hoctun</t>
  </si>
  <si>
    <t>Homun</t>
  </si>
  <si>
    <t>Huhi</t>
  </si>
  <si>
    <t>Hunucma</t>
  </si>
  <si>
    <t>Ixil</t>
  </si>
  <si>
    <t>Izamal</t>
  </si>
  <si>
    <t>Kanasin</t>
  </si>
  <si>
    <t>Kantunil</t>
  </si>
  <si>
    <t>Kaua</t>
  </si>
  <si>
    <t>Kinchil</t>
  </si>
  <si>
    <t>Kopoma</t>
  </si>
  <si>
    <t>Mama</t>
  </si>
  <si>
    <t>Mani</t>
  </si>
  <si>
    <t>Maxcanu</t>
  </si>
  <si>
    <t>Mayapan</t>
  </si>
  <si>
    <t>Merida</t>
  </si>
  <si>
    <t>Mococha</t>
  </si>
  <si>
    <t>Motul</t>
  </si>
  <si>
    <t>Muna</t>
  </si>
  <si>
    <t>Muxupip</t>
  </si>
  <si>
    <t>Opichen</t>
  </si>
  <si>
    <t>Oxkutzcab</t>
  </si>
  <si>
    <t>Panaba</t>
  </si>
  <si>
    <t>Peto</t>
  </si>
  <si>
    <t>Rio Lagartos</t>
  </si>
  <si>
    <t>Sacalum</t>
  </si>
  <si>
    <t>Samahil</t>
  </si>
  <si>
    <t>Sanahcat</t>
  </si>
  <si>
    <t>Santa Elena</t>
  </si>
  <si>
    <t>Seye</t>
  </si>
  <si>
    <t>Sinanche</t>
  </si>
  <si>
    <t>Sotuta</t>
  </si>
  <si>
    <t>Sucila</t>
  </si>
  <si>
    <t>Sudzal</t>
  </si>
  <si>
    <t>Suma</t>
  </si>
  <si>
    <t>Tahdziu</t>
  </si>
  <si>
    <t>Tahmek</t>
  </si>
  <si>
    <t>Teabo</t>
  </si>
  <si>
    <t>Tecoh</t>
  </si>
  <si>
    <t>Tekal De Venegas</t>
  </si>
  <si>
    <t>Tekanto</t>
  </si>
  <si>
    <t>Tekax</t>
  </si>
  <si>
    <t>Tekit</t>
  </si>
  <si>
    <t>Tekom</t>
  </si>
  <si>
    <t>Telchac Pueblo</t>
  </si>
  <si>
    <t>Telchac Puerto</t>
  </si>
  <si>
    <t>Temax</t>
  </si>
  <si>
    <t>Temozon</t>
  </si>
  <si>
    <t>Tepakan</t>
  </si>
  <si>
    <t>Tetiz</t>
  </si>
  <si>
    <t>Teya</t>
  </si>
  <si>
    <t>Ticul</t>
  </si>
  <si>
    <t>Timucuy</t>
  </si>
  <si>
    <t>Tinum</t>
  </si>
  <si>
    <t>Tixcacalcupul</t>
  </si>
  <si>
    <t>Tixkokob</t>
  </si>
  <si>
    <t>Tixmehuac</t>
  </si>
  <si>
    <t>Tixpehual</t>
  </si>
  <si>
    <t>Tizimin</t>
  </si>
  <si>
    <t>Tunkas</t>
  </si>
  <si>
    <t>Tzucacab</t>
  </si>
  <si>
    <t>Uayma</t>
  </si>
  <si>
    <t>Ucu</t>
  </si>
  <si>
    <t>Uman</t>
  </si>
  <si>
    <t>Valladolid</t>
  </si>
  <si>
    <t>Xocchel</t>
  </si>
  <si>
    <t>Yaxcaba</t>
  </si>
  <si>
    <t>Yaxkukul</t>
  </si>
  <si>
    <t>Yobain</t>
  </si>
  <si>
    <t>Veracruz De Ignacio De La Llave</t>
  </si>
  <si>
    <t>Acayucan</t>
  </si>
  <si>
    <t>Acula</t>
  </si>
  <si>
    <t>Acultzingo</t>
  </si>
  <si>
    <t>Camaron De Tejeda</t>
  </si>
  <si>
    <t>Alpatlahuac</t>
  </si>
  <si>
    <t>Alto Lucero De Gutierrez Barrios</t>
  </si>
  <si>
    <t>Altotonga</t>
  </si>
  <si>
    <t>Alvarado</t>
  </si>
  <si>
    <t>Amatitlan</t>
  </si>
  <si>
    <t>Naranjos Amatlan</t>
  </si>
  <si>
    <t>Amatlan De Los Reyes</t>
  </si>
  <si>
    <t>Angel R. Cabada</t>
  </si>
  <si>
    <t>La Antigua</t>
  </si>
  <si>
    <t>Apazapan</t>
  </si>
  <si>
    <t>Astacinga</t>
  </si>
  <si>
    <t>Atlahuilco</t>
  </si>
  <si>
    <t>Atzacan</t>
  </si>
  <si>
    <t>Atzalan</t>
  </si>
  <si>
    <t>Tlaltetela</t>
  </si>
  <si>
    <t>Ayahualulco</t>
  </si>
  <si>
    <t>Banderilla</t>
  </si>
  <si>
    <t>Boca Del Rio</t>
  </si>
  <si>
    <t>Calcahualco</t>
  </si>
  <si>
    <t>Camerino Z. Mendoza</t>
  </si>
  <si>
    <t>Carrillo Puerto</t>
  </si>
  <si>
    <t>Catemaco</t>
  </si>
  <si>
    <t>Cazones De Herrera</t>
  </si>
  <si>
    <t>Cerro Azul</t>
  </si>
  <si>
    <t>Citlaltepetl</t>
  </si>
  <si>
    <t>Coacoatzintla</t>
  </si>
  <si>
    <t>Coahuitlan</t>
  </si>
  <si>
    <t>Coatzacoalcos</t>
  </si>
  <si>
    <t>Coatzintla</t>
  </si>
  <si>
    <t>Coetzala</t>
  </si>
  <si>
    <t>Colipa</t>
  </si>
  <si>
    <t>Comapa</t>
  </si>
  <si>
    <t>Cordoba</t>
  </si>
  <si>
    <t>Cosamaloapan De Carpio</t>
  </si>
  <si>
    <t>Cosautlan De Carvajal</t>
  </si>
  <si>
    <t>Coscomatepec</t>
  </si>
  <si>
    <t>Cosoleacaque</t>
  </si>
  <si>
    <t>Cotaxtla</t>
  </si>
  <si>
    <t>Coxquihui</t>
  </si>
  <si>
    <t>Coyutla</t>
  </si>
  <si>
    <t>Cuichapa</t>
  </si>
  <si>
    <t>Cuitlahuac</t>
  </si>
  <si>
    <t>Chacaltianguis</t>
  </si>
  <si>
    <t>Chalma</t>
  </si>
  <si>
    <t>Chiconamel</t>
  </si>
  <si>
    <t>Chiconquiaco</t>
  </si>
  <si>
    <t>Chicontepec</t>
  </si>
  <si>
    <t>Chinameca</t>
  </si>
  <si>
    <t>Chinampa De Gorostiza</t>
  </si>
  <si>
    <t>Las Choapas</t>
  </si>
  <si>
    <t>Chocaman</t>
  </si>
  <si>
    <t>Chontla</t>
  </si>
  <si>
    <t>Chumatlan</t>
  </si>
  <si>
    <t>Espinal</t>
  </si>
  <si>
    <t>Filomeno Mata</t>
  </si>
  <si>
    <t>Fortin</t>
  </si>
  <si>
    <t>Gutierrez Zamora</t>
  </si>
  <si>
    <t>Hidalgotitlan</t>
  </si>
  <si>
    <t>Huatusco</t>
  </si>
  <si>
    <t>Huayacocotla</t>
  </si>
  <si>
    <t>Hueyapan De Ocampo</t>
  </si>
  <si>
    <t>Huiloapan De Cuauhtemoc</t>
  </si>
  <si>
    <t>Ignacio De La Llave</t>
  </si>
  <si>
    <t>Ilamatlan</t>
  </si>
  <si>
    <t>Isla</t>
  </si>
  <si>
    <t>Ixcatepec</t>
  </si>
  <si>
    <t>Ixhuacan De Los Reyes</t>
  </si>
  <si>
    <t>Ixhuatlan Del Cafe</t>
  </si>
  <si>
    <t>Ixhuatlancillo</t>
  </si>
  <si>
    <t>Ixhuatlan Del Sureste</t>
  </si>
  <si>
    <t>Ixhuatlan De Madero</t>
  </si>
  <si>
    <t>Ixmatlahuacan</t>
  </si>
  <si>
    <t>Ixtaczoquitlan</t>
  </si>
  <si>
    <t>Jalacingo</t>
  </si>
  <si>
    <t>Xalapa</t>
  </si>
  <si>
    <t>Jalcomulco</t>
  </si>
  <si>
    <t>Jaltipan</t>
  </si>
  <si>
    <t>Jamapa</t>
  </si>
  <si>
    <t>Jesus Carranza</t>
  </si>
  <si>
    <t>Xico</t>
  </si>
  <si>
    <t>Juan Rodriguez Clara</t>
  </si>
  <si>
    <t>Juchique De Ferrer</t>
  </si>
  <si>
    <t>Landero Y Coss</t>
  </si>
  <si>
    <t>Lerdo De Tejada</t>
  </si>
  <si>
    <t>Maltrata</t>
  </si>
  <si>
    <t>Manlio Fabio Altamirano</t>
  </si>
  <si>
    <t>Mariano Escobedo</t>
  </si>
  <si>
    <t>Martinez De La Torre</t>
  </si>
  <si>
    <t>Mecatlan</t>
  </si>
  <si>
    <t>Mecayapan</t>
  </si>
  <si>
    <t>Medellin</t>
  </si>
  <si>
    <t>Miahuatlan</t>
  </si>
  <si>
    <t>Las Minas</t>
  </si>
  <si>
    <t>Misantla</t>
  </si>
  <si>
    <t>Mixtla De Altamirano</t>
  </si>
  <si>
    <t>Moloacan</t>
  </si>
  <si>
    <t>Naolinco</t>
  </si>
  <si>
    <t>Naranjal</t>
  </si>
  <si>
    <t>Nautla</t>
  </si>
  <si>
    <t>Oluta</t>
  </si>
  <si>
    <t>Omealca</t>
  </si>
  <si>
    <t>Orizaba</t>
  </si>
  <si>
    <t>Otatitlan</t>
  </si>
  <si>
    <t>Oteapan</t>
  </si>
  <si>
    <t>Ozuluama De Mascareñas</t>
  </si>
  <si>
    <t>Pajapan</t>
  </si>
  <si>
    <t>Papantla</t>
  </si>
  <si>
    <t>Paso Del Macho</t>
  </si>
  <si>
    <t>Paso De Ovejas</t>
  </si>
  <si>
    <t>La Perla</t>
  </si>
  <si>
    <t>Perote</t>
  </si>
  <si>
    <t>Platon Sanchez</t>
  </si>
  <si>
    <t>Playa Vicente</t>
  </si>
  <si>
    <t>Poza Rica De Hidalgo</t>
  </si>
  <si>
    <t>Las Vigas De Ramirez</t>
  </si>
  <si>
    <t>Pueblo Viejo</t>
  </si>
  <si>
    <t>Puente Nacional</t>
  </si>
  <si>
    <t>Rafael Delgado</t>
  </si>
  <si>
    <t>Rafael Lucio</t>
  </si>
  <si>
    <t>Rio Blanco</t>
  </si>
  <si>
    <t>Saltabarranca</t>
  </si>
  <si>
    <t>San Andres Tenejapan</t>
  </si>
  <si>
    <t>San Andres Tuxtla</t>
  </si>
  <si>
    <t>San Juan Evangelista</t>
  </si>
  <si>
    <t>Santiago Tuxtla</t>
  </si>
  <si>
    <t>Sayula De Aleman</t>
  </si>
  <si>
    <t>Soconusco</t>
  </si>
  <si>
    <t>Sochiapa</t>
  </si>
  <si>
    <t>Soledad Atzompa</t>
  </si>
  <si>
    <t>Soledad De Doblado</t>
  </si>
  <si>
    <t>Soteapan</t>
  </si>
  <si>
    <t>Tamalin</t>
  </si>
  <si>
    <t>Tamiahua</t>
  </si>
  <si>
    <t>Tampico Alto</t>
  </si>
  <si>
    <t>Tancoco</t>
  </si>
  <si>
    <t>Tantima</t>
  </si>
  <si>
    <t>Tantoyuca</t>
  </si>
  <si>
    <t>Tatatila</t>
  </si>
  <si>
    <t>Castillo De Teayo</t>
  </si>
  <si>
    <t>Tecolutla</t>
  </si>
  <si>
    <t>Tehuipango</t>
  </si>
  <si>
    <t>Tempoal</t>
  </si>
  <si>
    <t>Tenampa</t>
  </si>
  <si>
    <t>Tenochtitlan</t>
  </si>
  <si>
    <t>Teocelo</t>
  </si>
  <si>
    <t>Tepatlaxco</t>
  </si>
  <si>
    <t>Tepetlan</t>
  </si>
  <si>
    <t>Jose Azueta</t>
  </si>
  <si>
    <t>Texcatepec</t>
  </si>
  <si>
    <t>Texhuacan</t>
  </si>
  <si>
    <t>Texistepec</t>
  </si>
  <si>
    <t>Tezonapa</t>
  </si>
  <si>
    <t>Tihuatlan</t>
  </si>
  <si>
    <t>Tlacojalpan</t>
  </si>
  <si>
    <t>Tlacolulan</t>
  </si>
  <si>
    <t>Tlacotalpan</t>
  </si>
  <si>
    <t>Tlacotepec De Mejia</t>
  </si>
  <si>
    <t>Tlachichilco</t>
  </si>
  <si>
    <t>Tlalixcoyan</t>
  </si>
  <si>
    <t>Tlalnelhuayocan</t>
  </si>
  <si>
    <t>Tlapacoyan</t>
  </si>
  <si>
    <t>Tlaquilpa</t>
  </si>
  <si>
    <t>Tlilapan</t>
  </si>
  <si>
    <t>Tonayan</t>
  </si>
  <si>
    <t>Totutla</t>
  </si>
  <si>
    <t>Tuxtilla</t>
  </si>
  <si>
    <t>Ursulo Galvan</t>
  </si>
  <si>
    <t>Vega De Alatorre</t>
  </si>
  <si>
    <t>Villa Aldama</t>
  </si>
  <si>
    <t>Xoxocotla</t>
  </si>
  <si>
    <t>Yanga</t>
  </si>
  <si>
    <t>Yecuatla</t>
  </si>
  <si>
    <t>Zentla</t>
  </si>
  <si>
    <t>Zongolica</t>
  </si>
  <si>
    <t>Zontecomatlan De Lopez Y Fuentes</t>
  </si>
  <si>
    <t>Zozocolco De Hidalgo</t>
  </si>
  <si>
    <t>Agua Dulce</t>
  </si>
  <si>
    <t>El Higo</t>
  </si>
  <si>
    <t>Nanchital De Lazaro Cardenas Del Rio</t>
  </si>
  <si>
    <t>Tres Valles</t>
  </si>
  <si>
    <t>Carlos A. Carrillo</t>
  </si>
  <si>
    <t>Tatahuicapan De Juarez</t>
  </si>
  <si>
    <t>Uxpanapa</t>
  </si>
  <si>
    <t>San Rafael</t>
  </si>
  <si>
    <t>Santiago Sochiapan</t>
  </si>
  <si>
    <t>Cdmx</t>
  </si>
  <si>
    <t>Alvaro Obregon</t>
  </si>
  <si>
    <t>Villa De Alvarez</t>
  </si>
  <si>
    <t>Atoyac De Alvarez</t>
  </si>
  <si>
    <t>Chilapa De Alvarez</t>
  </si>
  <si>
    <t>Zacualtipan De Angeles</t>
  </si>
  <si>
    <t>Santa Maria De Los Angeles</t>
  </si>
  <si>
    <t>Animas Trujano</t>
  </si>
  <si>
    <t>Zimatlan De Alvarez</t>
  </si>
  <si>
    <t>General Felipe Angeles</t>
  </si>
  <si>
    <t>Alamo Temapache</t>
  </si>
  <si>
    <t>Noria De Angeles</t>
  </si>
  <si>
    <t>Direccion</t>
  </si>
  <si>
    <t>Nombre</t>
  </si>
  <si>
    <t>M2</t>
  </si>
  <si>
    <t>Cocina</t>
  </si>
  <si>
    <t>Sala</t>
  </si>
  <si>
    <t>Comedor</t>
  </si>
  <si>
    <t>Baños</t>
  </si>
  <si>
    <t>Recamaras</t>
  </si>
  <si>
    <t>Vestidores</t>
  </si>
  <si>
    <t>Estacionamientos</t>
  </si>
  <si>
    <t>CuartoServicio</t>
  </si>
  <si>
    <t>AccesoInd</t>
  </si>
  <si>
    <t>A</t>
  </si>
  <si>
    <t>B</t>
  </si>
  <si>
    <t>C</t>
  </si>
  <si>
    <t>D</t>
  </si>
  <si>
    <t>E</t>
  </si>
  <si>
    <t>Otro</t>
  </si>
  <si>
    <t>Puertas</t>
  </si>
  <si>
    <t>Clósets</t>
  </si>
  <si>
    <t>Cristales</t>
  </si>
  <si>
    <t>Cancelería</t>
  </si>
  <si>
    <t>Portones/rejas</t>
  </si>
  <si>
    <t>Protecciones</t>
  </si>
  <si>
    <t>Barandales</t>
  </si>
  <si>
    <t>Pisos</t>
  </si>
  <si>
    <t>Azulejos</t>
  </si>
  <si>
    <t>Plafones</t>
  </si>
  <si>
    <t>Recubrimientos en muros</t>
  </si>
  <si>
    <t>Muebles sanitarios (WC, Lavabo)</t>
  </si>
  <si>
    <t>Tinas/Jacuzzi</t>
  </si>
  <si>
    <t>La Magdalena Contreras</t>
  </si>
  <si>
    <t>FIC</t>
  </si>
  <si>
    <t>Carpintería / GUARDA</t>
  </si>
  <si>
    <t>Cimentación</t>
  </si>
  <si>
    <t>FRR</t>
  </si>
  <si>
    <t>ORIGEN</t>
  </si>
  <si>
    <t>NO APLICA</t>
  </si>
  <si>
    <t>Económica</t>
  </si>
  <si>
    <t>Media</t>
  </si>
  <si>
    <t>Alta</t>
  </si>
  <si>
    <t>Residencial</t>
  </si>
  <si>
    <t>Plus</t>
  </si>
  <si>
    <t>PARAMETRO</t>
  </si>
  <si>
    <t>SI</t>
  </si>
  <si>
    <t>CIMENTACION</t>
  </si>
  <si>
    <t>Mampostería</t>
  </si>
  <si>
    <t>ESTRUCTURA DE CONCRETO</t>
  </si>
  <si>
    <t>Zapatas</t>
  </si>
  <si>
    <t>ALBAÑILERIA</t>
  </si>
  <si>
    <t>Pilotes</t>
  </si>
  <si>
    <t>INSTALACION HIDRAULICA</t>
  </si>
  <si>
    <t>Cocina integral</t>
  </si>
  <si>
    <t>MIXTO</t>
  </si>
  <si>
    <t>INSTALACION SANITARIA</t>
  </si>
  <si>
    <t>OTRO</t>
  </si>
  <si>
    <t>INSTALACION ELECTRICA</t>
  </si>
  <si>
    <t>Ventanería / CANCELERIA</t>
  </si>
  <si>
    <t>DESCONOCIDO</t>
  </si>
  <si>
    <t>INSTALACION DE GAS</t>
  </si>
  <si>
    <t>Losas de entrepiso (ESTRUCTURA DE CONCRETO)</t>
  </si>
  <si>
    <t>ACABADOS INTERIORES</t>
  </si>
  <si>
    <t>ACABADOS EXTERIORES</t>
  </si>
  <si>
    <t>Losa Maciza de concreto</t>
  </si>
  <si>
    <t>ACCESOS</t>
  </si>
  <si>
    <t>Vigueta y bovedilla</t>
  </si>
  <si>
    <t>CANCELERIA</t>
  </si>
  <si>
    <t>Losacero</t>
  </si>
  <si>
    <t>MOBILIARIO FIJO</t>
  </si>
  <si>
    <t>EQUIPO</t>
  </si>
  <si>
    <t>ACCESORIAS</t>
  </si>
  <si>
    <t>Acabados interiores</t>
  </si>
  <si>
    <t>Muros (ALBAÑILERIA)</t>
  </si>
  <si>
    <t>Tablaroca/Triplay</t>
  </si>
  <si>
    <t>Ladrillo/block</t>
  </si>
  <si>
    <t>Marcos rígidos de acero</t>
  </si>
  <si>
    <t>OBRAS  COMPLEMENTARIAS</t>
  </si>
  <si>
    <t>PARAMETROS</t>
  </si>
  <si>
    <t>TERRAZA</t>
  </si>
  <si>
    <t>ROOF GARDEN</t>
  </si>
  <si>
    <t>PALAPAS</t>
  </si>
  <si>
    <t>CUBIERTAS (PERGOLADOS, POLICARBONATO, DOMOS)</t>
  </si>
  <si>
    <t>Instalaciones</t>
  </si>
  <si>
    <t>BODEGA</t>
  </si>
  <si>
    <t>Instalacion Electricas</t>
  </si>
  <si>
    <t>BARDAS PERIMETRALES</t>
  </si>
  <si>
    <t>Instalacion Sanitarias</t>
  </si>
  <si>
    <t>AREAS DEPORTIVAS</t>
  </si>
  <si>
    <t>Instalacion Hidraulicas</t>
  </si>
  <si>
    <t>instalacion GAS</t>
  </si>
  <si>
    <t>SALA DE UM</t>
  </si>
  <si>
    <t>SALA DE TV</t>
  </si>
  <si>
    <t>GIMNASIO</t>
  </si>
  <si>
    <t>ESTUDIO</t>
  </si>
  <si>
    <t>ALCOBA</t>
  </si>
  <si>
    <t>ALBERCA</t>
  </si>
  <si>
    <t>ELEVADORES</t>
  </si>
  <si>
    <t>Instalaciones Especiales</t>
  </si>
  <si>
    <t>AIRE ACONDICIONADO</t>
  </si>
  <si>
    <t>SISTEMAS INTELIGENTES</t>
  </si>
  <si>
    <t>BIODIGESTORES</t>
  </si>
  <si>
    <t>CALEFACCION</t>
  </si>
  <si>
    <t>CIRCUITO CERRADO DE CCTV</t>
  </si>
  <si>
    <t>HIDRONEUMATICO</t>
  </si>
  <si>
    <t>SISTEMAS ECOLOGICOS</t>
  </si>
  <si>
    <t>PANELES SOLARES</t>
  </si>
  <si>
    <t>SISTEMA  DE CAPTACION PLUVIAL</t>
  </si>
  <si>
    <t>OTROS</t>
  </si>
  <si>
    <t>SUPERFICIE DEL CLIENTE</t>
  </si>
  <si>
    <t>Concepto</t>
  </si>
  <si>
    <t>Datos</t>
  </si>
  <si>
    <t>Monto</t>
  </si>
  <si>
    <t>% FINAL</t>
  </si>
  <si>
    <t>CARPINTERIA</t>
  </si>
  <si>
    <t>SUB TOTAL</t>
  </si>
  <si>
    <t>UNITARIO</t>
  </si>
  <si>
    <t>OBRAS COMPLEMENTARIAS</t>
  </si>
  <si>
    <t>INSTALACIONES ESPECIALES</t>
  </si>
  <si>
    <t>Factor IC</t>
  </si>
  <si>
    <t>Unitario Final</t>
  </si>
  <si>
    <t>Presupuesto Final</t>
  </si>
  <si>
    <t>Valor Terreno</t>
  </si>
  <si>
    <t>Valor Avalúo</t>
  </si>
  <si>
    <t>Presupuesto Paramétrico</t>
  </si>
  <si>
    <t>Valor Único</t>
  </si>
  <si>
    <t>Valor Terreno + Presupuesto</t>
  </si>
  <si>
    <t>Modelo Vivienda:</t>
  </si>
  <si>
    <t>Espacios</t>
  </si>
  <si>
    <t>TT</t>
  </si>
  <si>
    <t>Comentarios cliente:</t>
  </si>
  <si>
    <t>Cimentacion</t>
  </si>
  <si>
    <t>Estructura De Concreto</t>
  </si>
  <si>
    <t>Albañileria</t>
  </si>
  <si>
    <t>Instalacion Hidraulica</t>
  </si>
  <si>
    <t>Instalacion Sanitaria</t>
  </si>
  <si>
    <t>Instalacion Electrica</t>
  </si>
  <si>
    <t>Instalacion De Gas</t>
  </si>
  <si>
    <t>Acabados Interiores</t>
  </si>
  <si>
    <t>Acabados Exteriores</t>
  </si>
  <si>
    <t>Accesos</t>
  </si>
  <si>
    <t>Canceleria</t>
  </si>
  <si>
    <t>Mobiliario Fijo</t>
  </si>
  <si>
    <t>Guarda</t>
  </si>
  <si>
    <t>Equipo</t>
  </si>
  <si>
    <t>Accesorias</t>
  </si>
  <si>
    <t>%</t>
  </si>
  <si>
    <t>AREAS ADICIONALES</t>
  </si>
  <si>
    <t>F</t>
  </si>
  <si>
    <t>G</t>
  </si>
  <si>
    <t>H</t>
  </si>
  <si>
    <t>Mes 1</t>
  </si>
  <si>
    <t>Mes 2</t>
  </si>
  <si>
    <t>Mes 3</t>
  </si>
  <si>
    <t>Mes 4</t>
  </si>
  <si>
    <t>Mes 5</t>
  </si>
  <si>
    <t>Mes 6</t>
  </si>
  <si>
    <t>Mes 7</t>
  </si>
  <si>
    <t>Mes 8</t>
  </si>
  <si>
    <t>Mes 9</t>
  </si>
  <si>
    <t>Mes 10</t>
  </si>
  <si>
    <t>Mes 11</t>
  </si>
  <si>
    <t>Mes 12</t>
  </si>
  <si>
    <t>Mes 13</t>
  </si>
  <si>
    <t>Mes 14</t>
  </si>
  <si>
    <t>Mes 15</t>
  </si>
  <si>
    <t>Mes 16</t>
  </si>
  <si>
    <t>Mes 17</t>
  </si>
  <si>
    <t>Mes 18</t>
  </si>
  <si>
    <t>Mes 19</t>
  </si>
  <si>
    <t>Mes 20</t>
  </si>
  <si>
    <t>Mes 21</t>
  </si>
  <si>
    <t>Mes 22</t>
  </si>
  <si>
    <t>Mes 23</t>
  </si>
  <si>
    <t>Mes 24</t>
  </si>
  <si>
    <t>S1</t>
  </si>
  <si>
    <t>S2</t>
  </si>
  <si>
    <t>S3</t>
  </si>
  <si>
    <t>S4</t>
  </si>
  <si>
    <t>S5</t>
  </si>
  <si>
    <t>S6</t>
  </si>
  <si>
    <t>S7</t>
  </si>
  <si>
    <t>S8</t>
  </si>
  <si>
    <t>S9</t>
  </si>
  <si>
    <t>S10</t>
  </si>
  <si>
    <t>S11</t>
  </si>
  <si>
    <t>S12</t>
  </si>
  <si>
    <t>S13</t>
  </si>
  <si>
    <t>S14</t>
  </si>
  <si>
    <t>S15</t>
  </si>
  <si>
    <t>S16</t>
  </si>
  <si>
    <t>S17</t>
  </si>
  <si>
    <t>S18</t>
  </si>
  <si>
    <t>S19</t>
  </si>
  <si>
    <t>S20</t>
  </si>
  <si>
    <t>S21</t>
  </si>
  <si>
    <t>S22</t>
  </si>
  <si>
    <t>S23</t>
  </si>
  <si>
    <t>S24</t>
  </si>
  <si>
    <t>S25</t>
  </si>
  <si>
    <t>S26</t>
  </si>
  <si>
    <t>S27</t>
  </si>
  <si>
    <t>S28</t>
  </si>
  <si>
    <t>S29</t>
  </si>
  <si>
    <t>S30</t>
  </si>
  <si>
    <t>S31</t>
  </si>
  <si>
    <t>S32</t>
  </si>
  <si>
    <t>S33</t>
  </si>
  <si>
    <t>S34</t>
  </si>
  <si>
    <t>S35</t>
  </si>
  <si>
    <t>S36</t>
  </si>
  <si>
    <t>S37</t>
  </si>
  <si>
    <t>S38</t>
  </si>
  <si>
    <t>S39</t>
  </si>
  <si>
    <t>S40</t>
  </si>
  <si>
    <t>S41</t>
  </si>
  <si>
    <t>S42</t>
  </si>
  <si>
    <t>S43</t>
  </si>
  <si>
    <t>S44</t>
  </si>
  <si>
    <t>S45</t>
  </si>
  <si>
    <t>S46</t>
  </si>
  <si>
    <t>S47</t>
  </si>
  <si>
    <t>S48</t>
  </si>
  <si>
    <t>S49</t>
  </si>
  <si>
    <t>S50</t>
  </si>
  <si>
    <t>S51</t>
  </si>
  <si>
    <t>S52</t>
  </si>
  <si>
    <t>S53</t>
  </si>
  <si>
    <t>S54</t>
  </si>
  <si>
    <t>S55</t>
  </si>
  <si>
    <t>S56</t>
  </si>
  <si>
    <t>S57</t>
  </si>
  <si>
    <t>S58</t>
  </si>
  <si>
    <t>S59</t>
  </si>
  <si>
    <t>S60</t>
  </si>
  <si>
    <t>S61</t>
  </si>
  <si>
    <t>S62</t>
  </si>
  <si>
    <t>S63</t>
  </si>
  <si>
    <t>S64</t>
  </si>
  <si>
    <t>S65</t>
  </si>
  <si>
    <t>S66</t>
  </si>
  <si>
    <t>S67</t>
  </si>
  <si>
    <t>S68</t>
  </si>
  <si>
    <t>S69</t>
  </si>
  <si>
    <t>S70</t>
  </si>
  <si>
    <t>S71</t>
  </si>
  <si>
    <t>S72</t>
  </si>
  <si>
    <t>S73</t>
  </si>
  <si>
    <t>S74</t>
  </si>
  <si>
    <t>S75</t>
  </si>
  <si>
    <t>S76</t>
  </si>
  <si>
    <t>S77</t>
  </si>
  <si>
    <t>S78</t>
  </si>
  <si>
    <t>S79</t>
  </si>
  <si>
    <t>S80</t>
  </si>
  <si>
    <t>S81</t>
  </si>
  <si>
    <t>S82</t>
  </si>
  <si>
    <t>S83</t>
  </si>
  <si>
    <t>S84</t>
  </si>
  <si>
    <t>S85</t>
  </si>
  <si>
    <t>S86</t>
  </si>
  <si>
    <t>S87</t>
  </si>
  <si>
    <t>S88</t>
  </si>
  <si>
    <t>S89</t>
  </si>
  <si>
    <t>S90</t>
  </si>
  <si>
    <t>S91</t>
  </si>
  <si>
    <t>S92</t>
  </si>
  <si>
    <t>S93</t>
  </si>
  <si>
    <t>S94</t>
  </si>
  <si>
    <t>S95</t>
  </si>
  <si>
    <t>S96</t>
  </si>
  <si>
    <t>RESUMEN DEL CLIENTE</t>
  </si>
  <si>
    <t>Habitacional (Habitacional/Mixto)</t>
  </si>
  <si>
    <t>Palapas</t>
  </si>
  <si>
    <t>Comentarios</t>
  </si>
  <si>
    <t>Firma</t>
  </si>
  <si>
    <t>Ubicación del Inmueble:</t>
  </si>
  <si>
    <t>Uso General del Proyecto:</t>
  </si>
  <si>
    <t>Estado:</t>
  </si>
  <si>
    <t>Ciudad o Municipio:</t>
  </si>
  <si>
    <t>m2</t>
  </si>
  <si>
    <t>Superficie Construida:</t>
  </si>
  <si>
    <t>Modelo de  Vivienda Seleccionada:</t>
  </si>
  <si>
    <t>Nombre del cliente:</t>
  </si>
  <si>
    <t>Información general</t>
  </si>
  <si>
    <t>Cocina:</t>
  </si>
  <si>
    <t>Sala:</t>
  </si>
  <si>
    <t>Comedor:</t>
  </si>
  <si>
    <t>Baños:</t>
  </si>
  <si>
    <t>Recámaras:</t>
  </si>
  <si>
    <t>Vestidores:</t>
  </si>
  <si>
    <t>Estacionamientos:</t>
  </si>
  <si>
    <t>Cuarto de Servicio:</t>
  </si>
  <si>
    <t>Espacio con Acceso Independiente:</t>
  </si>
  <si>
    <t>Elementos adicionales</t>
  </si>
  <si>
    <t>Terraza:</t>
  </si>
  <si>
    <t>Roof garden:</t>
  </si>
  <si>
    <t>Cubiertas:</t>
  </si>
  <si>
    <t>Bodega:</t>
  </si>
  <si>
    <t>Bardas perimetrales:</t>
  </si>
  <si>
    <t>Áreas deportivas:</t>
  </si>
  <si>
    <t>Áreas adicionales:</t>
  </si>
  <si>
    <t>Sala de Usos Multiples</t>
  </si>
  <si>
    <t>Sala de TV:</t>
  </si>
  <si>
    <t>Gimnasio:</t>
  </si>
  <si>
    <t>Estudio:</t>
  </si>
  <si>
    <t>Alcoba:</t>
  </si>
  <si>
    <t>Alberca:</t>
  </si>
  <si>
    <t>Elevadores:</t>
  </si>
  <si>
    <t>Obras complementarias</t>
  </si>
  <si>
    <t>Instalaciones especiales</t>
  </si>
  <si>
    <t>Aire acondicionado:</t>
  </si>
  <si>
    <t>Sistemas inteligentes:</t>
  </si>
  <si>
    <t>Biodigestores:</t>
  </si>
  <si>
    <t>Calefaccion:</t>
  </si>
  <si>
    <t>Circuito cerrado de CCTV:</t>
  </si>
  <si>
    <t>Hidroneumatico:</t>
  </si>
  <si>
    <t>Sistemas ecologicos:</t>
  </si>
  <si>
    <t>Paneles solares:</t>
  </si>
  <si>
    <t>Sistema  de captacion pluvial:</t>
  </si>
  <si>
    <t>Otros:</t>
  </si>
  <si>
    <t>Cimentación:</t>
  </si>
  <si>
    <t>Estructura De Concreto:</t>
  </si>
  <si>
    <t>Albañileria:</t>
  </si>
  <si>
    <t>Instalacion Hidraulica:</t>
  </si>
  <si>
    <t>Instalacion Sanitaria:</t>
  </si>
  <si>
    <t>Instalacion Electrica:</t>
  </si>
  <si>
    <t>Instalacion De Gas:</t>
  </si>
  <si>
    <t>Acabados Interiores:</t>
  </si>
  <si>
    <t>Acabados Exteriores:</t>
  </si>
  <si>
    <t>Accesos:</t>
  </si>
  <si>
    <t>Canceleria:</t>
  </si>
  <si>
    <t>Mobiliario Fijo:</t>
  </si>
  <si>
    <t>Guarda:</t>
  </si>
  <si>
    <t>Partidas</t>
  </si>
  <si>
    <t>Resultado evaluación</t>
  </si>
  <si>
    <t>Valor del terreno:</t>
  </si>
  <si>
    <t>Costo del avalúo aproximado:</t>
  </si>
  <si>
    <t>Presupuesto estimado:</t>
  </si>
  <si>
    <t>Valor unitario:</t>
  </si>
  <si>
    <t>Valor físico proyectado:</t>
  </si>
  <si>
    <t>Programa de Obra</t>
  </si>
  <si>
    <t>Subtotal:</t>
  </si>
  <si>
    <t>FIC:</t>
  </si>
  <si>
    <t>Total Estimado:</t>
  </si>
  <si>
    <t>Calidad seleccionada</t>
  </si>
  <si>
    <t>Carpintería</t>
  </si>
  <si>
    <t>Calidad</t>
  </si>
  <si>
    <t>Otro:</t>
  </si>
  <si>
    <t>Puertas:</t>
  </si>
  <si>
    <t>Closets:</t>
  </si>
  <si>
    <t>Cocina integral:</t>
  </si>
  <si>
    <t>Cristales:</t>
  </si>
  <si>
    <t>Portones / rejas:</t>
  </si>
  <si>
    <t>Protecciones:</t>
  </si>
  <si>
    <t>Barandales:</t>
  </si>
  <si>
    <t>Ventanería</t>
  </si>
  <si>
    <t xml:space="preserve">Pisos: </t>
  </si>
  <si>
    <t>Azulejos:</t>
  </si>
  <si>
    <t>Plafones:</t>
  </si>
  <si>
    <t>Recubrimientos en muros:</t>
  </si>
  <si>
    <t>Muebles sanitarios:</t>
  </si>
  <si>
    <t>Tinas / Jacuzzi</t>
  </si>
  <si>
    <t>Partida</t>
  </si>
  <si>
    <t>Especificación de Otro</t>
  </si>
  <si>
    <t>Superficie (m2):</t>
  </si>
  <si>
    <t>Semanas aprox.:</t>
  </si>
  <si>
    <t>Acabados exteriores</t>
  </si>
  <si>
    <t>Unitario Modelo</t>
  </si>
  <si>
    <t>Monto Paramétrico</t>
  </si>
  <si>
    <t>Unitario Modelo A</t>
  </si>
  <si>
    <t>Unitario Modelo B</t>
  </si>
  <si>
    <t>Unitario Modelo C</t>
  </si>
  <si>
    <t>Unitario Modelo D</t>
  </si>
  <si>
    <t>Unitario Modelo E</t>
  </si>
  <si>
    <t>Unitario Modelo F</t>
  </si>
  <si>
    <t>Unitario Modelo G</t>
  </si>
  <si>
    <t>Unitario Modelo H</t>
  </si>
  <si>
    <t>Losas de Entrepiso (Estructura de Concreto)</t>
  </si>
  <si>
    <t>Muros (Albañilería)</t>
  </si>
  <si>
    <t>Otro Cimentación</t>
  </si>
  <si>
    <t>Otro Losas de Entrepiso (Estructura de Concreto)</t>
  </si>
  <si>
    <t>Otro Muros (Albañilería)</t>
  </si>
  <si>
    <t>Losas de Entrepiso:</t>
  </si>
  <si>
    <t>Muros:</t>
  </si>
  <si>
    <t>Vivienda Alta Residencial 4</t>
  </si>
  <si>
    <t>Estructura</t>
  </si>
  <si>
    <r>
      <t xml:space="preserve">Este </t>
    </r>
    <r>
      <rPr>
        <b/>
        <sz val="16"/>
        <color rgb="FFFF0000"/>
        <rFont val="Arial"/>
        <family val="2"/>
      </rPr>
      <t>Presupuesto y Programa de Obra</t>
    </r>
    <r>
      <rPr>
        <sz val="16"/>
        <color rgb="FFFF0000"/>
        <rFont val="Arial"/>
        <family val="2"/>
      </rPr>
      <t xml:space="preserve"> </t>
    </r>
    <r>
      <rPr>
        <sz val="16"/>
        <color theme="1"/>
        <rFont val="Arial"/>
        <family val="2"/>
      </rPr>
      <t>tiene carácter informativo.
Para mayor información consulta scotiabank.com.mx/hipotecario</t>
    </r>
  </si>
  <si>
    <t>1</t>
  </si>
  <si>
    <t>Completo</t>
  </si>
  <si>
    <t>200</t>
  </si>
  <si>
    <t>0</t>
  </si>
  <si>
    <t>Ciudad Acuña</t>
  </si>
  <si>
    <t>Ciudad Juarez</t>
  </si>
  <si>
    <t>ciudad Miguel Aleman</t>
  </si>
  <si>
    <t>Cholula</t>
  </si>
  <si>
    <t>Ciudad Guzman</t>
  </si>
  <si>
    <t>Huatulco</t>
  </si>
  <si>
    <t>Mante</t>
  </si>
  <si>
    <t>Mendoza</t>
  </si>
  <si>
    <t>Nueva Rosita</t>
  </si>
  <si>
    <t>Parral</t>
  </si>
  <si>
    <t>San Jose Del Cabo</t>
  </si>
  <si>
    <t>San Martin</t>
  </si>
  <si>
    <t>Tehuantepec</t>
  </si>
  <si>
    <t>Tuxtepec</t>
  </si>
  <si>
    <t>5 DE MAYO</t>
  </si>
  <si>
    <t>500000</t>
  </si>
  <si>
    <t>2</t>
  </si>
  <si>
    <t>3</t>
  </si>
  <si>
    <t>No aplica</t>
  </si>
  <si>
    <t>Ladrillo / Block</t>
  </si>
  <si>
    <t>JESSICA</t>
  </si>
  <si>
    <t xml:space="preserve">Veracruz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8" formatCode="&quot;$&quot;#,##0.00;[Red]\-&quot;$&quot;#,##0.00"/>
    <numFmt numFmtId="44" formatCode="_-&quot;$&quot;* #,##0.00_-;\-&quot;$&quot;* #,##0.00_-;_-&quot;$&quot;* &quot;-&quot;??_-;_-@_-"/>
    <numFmt numFmtId="43" formatCode="_-* #,##0.00_-;\-* #,##0.00_-;_-* &quot;-&quot;??_-;_-@_-"/>
    <numFmt numFmtId="164" formatCode="[$-F800]dddd\,\ mmmm\ dd\,\ yyyy"/>
    <numFmt numFmtId="165" formatCode="&quot;$&quot;#,##0.00;[Red]&quot;$&quot;#,##0.00"/>
    <numFmt numFmtId="166" formatCode="#,##0.000_ ;\-#,##0.000\ "/>
    <numFmt numFmtId="167" formatCode="0.000"/>
  </numFmts>
  <fonts count="26" x14ac:knownFonts="1">
    <font>
      <sz val="11"/>
      <color theme="1"/>
      <name val="Calibri"/>
      <family val="2"/>
      <scheme val="minor"/>
    </font>
    <font>
      <sz val="8"/>
      <color rgb="FF222222"/>
      <name val="Trebuchet MS"/>
      <family val="2"/>
    </font>
    <font>
      <sz val="8"/>
      <color theme="1"/>
      <name val="Trebuchet MS"/>
      <family val="2"/>
    </font>
    <font>
      <sz val="11"/>
      <color theme="1"/>
      <name val="Calibri"/>
      <family val="2"/>
      <scheme val="minor"/>
    </font>
    <font>
      <b/>
      <sz val="8"/>
      <name val="Trebuchet MS"/>
      <family val="2"/>
    </font>
    <font>
      <b/>
      <sz val="8"/>
      <color theme="1"/>
      <name val="Trebuchet MS"/>
      <family val="2"/>
    </font>
    <font>
      <sz val="8"/>
      <color theme="1"/>
      <name val="Calibri"/>
      <family val="2"/>
      <scheme val="minor"/>
    </font>
    <font>
      <sz val="8"/>
      <name val="Trebuchet MS"/>
      <family val="2"/>
    </font>
    <font>
      <sz val="8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0"/>
      <color theme="1"/>
      <name val="Calibri"/>
      <family val="2"/>
      <scheme val="minor"/>
    </font>
    <font>
      <b/>
      <i/>
      <sz val="14"/>
      <color theme="0"/>
      <name val="Abadi"/>
      <family val="2"/>
    </font>
    <font>
      <b/>
      <i/>
      <sz val="20"/>
      <color theme="0"/>
      <name val="Calibri"/>
      <family val="2"/>
      <scheme val="minor"/>
    </font>
    <font>
      <sz val="14"/>
      <color theme="0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6"/>
      <color theme="1"/>
      <name val="Arial"/>
      <family val="2"/>
    </font>
    <font>
      <b/>
      <sz val="16"/>
      <color rgb="FFFF0000"/>
      <name val="Arial"/>
      <family val="2"/>
    </font>
    <font>
      <sz val="16"/>
      <color rgb="FFFF0000"/>
      <name val="Arial"/>
      <family val="2"/>
    </font>
    <font>
      <sz val="10"/>
      <color theme="1"/>
      <name val="Trebuchet MS"/>
      <family val="2"/>
    </font>
    <font>
      <b/>
      <sz val="10"/>
      <color theme="1"/>
      <name val="Trebuchet MS"/>
      <family val="2"/>
    </font>
    <font>
      <sz val="10"/>
      <name val="Trebuchet MS"/>
      <family val="2"/>
    </font>
    <font>
      <b/>
      <sz val="10"/>
      <color theme="0"/>
      <name val="Trebuchet MS"/>
      <family val="2"/>
    </font>
    <font>
      <sz val="18"/>
      <color theme="0"/>
      <name val="Trebuchet MS"/>
      <family val="2"/>
    </font>
  </fonts>
  <fills count="12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CC0000"/>
        <bgColor indexed="64"/>
      </patternFill>
    </fill>
    <fill>
      <patternFill patternType="solid">
        <fgColor theme="9" tint="0.79998168889431442"/>
        <bgColor indexed="64"/>
      </patternFill>
    </fill>
  </fills>
  <borders count="80">
    <border>
      <left/>
      <right/>
      <top/>
      <bottom/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0.14993743705557422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0.14996795556505021"/>
      </left>
      <right style="thin">
        <color theme="0" tint="-0.14993743705557422"/>
      </right>
      <top style="thin">
        <color theme="0" tint="-0.14996795556505021"/>
      </top>
      <bottom style="thin">
        <color theme="0" tint="-0.14996795556505021"/>
      </bottom>
      <diagonal/>
    </border>
    <border>
      <left/>
      <right style="thin">
        <color theme="0" tint="-0.14993743705557422"/>
      </right>
      <top/>
      <bottom/>
      <diagonal/>
    </border>
    <border>
      <left style="thin">
        <color theme="0" tint="-0.24994659260841701"/>
      </left>
      <right style="thin">
        <color theme="0" tint="-0.24994659260841701"/>
      </right>
      <top style="thin">
        <color theme="0" tint="-0.24994659260841701"/>
      </top>
      <bottom style="thin">
        <color theme="0" tint="-0.24994659260841701"/>
      </bottom>
      <diagonal/>
    </border>
    <border>
      <left style="thin">
        <color theme="0" tint="-0.24994659260841701"/>
      </left>
      <right/>
      <top/>
      <bottom style="thin">
        <color theme="0" tint="-0.24994659260841701"/>
      </bottom>
      <diagonal/>
    </border>
    <border>
      <left/>
      <right style="thin">
        <color theme="0" tint="-0.24994659260841701"/>
      </right>
      <top/>
      <bottom style="thin">
        <color theme="0" tint="-0.24994659260841701"/>
      </bottom>
      <diagonal/>
    </border>
    <border>
      <left/>
      <right style="thin">
        <color theme="0" tint="-0.14996795556505021"/>
      </right>
      <top/>
      <bottom/>
      <diagonal/>
    </border>
    <border>
      <left style="thin">
        <color theme="0" tint="-0.14996795556505021"/>
      </left>
      <right/>
      <top/>
      <bottom/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24994659260841701"/>
      </top>
      <bottom style="thin">
        <color theme="0" tint="-0.14996795556505021"/>
      </bottom>
      <diagonal/>
    </border>
    <border>
      <left/>
      <right/>
      <top style="thin">
        <color theme="0" tint="-0.24994659260841701"/>
      </top>
      <bottom/>
      <diagonal/>
    </border>
    <border>
      <left/>
      <right/>
      <top style="thin">
        <color theme="0" tint="-0.24994659260841701"/>
      </top>
      <bottom style="thin">
        <color theme="0" tint="-0.14996795556505021"/>
      </bottom>
      <diagonal/>
    </border>
    <border>
      <left/>
      <right style="thin">
        <color theme="0" tint="-0.24994659260841701"/>
      </right>
      <top style="thin">
        <color theme="0" tint="-0.24994659260841701"/>
      </top>
      <bottom style="thin">
        <color theme="0" tint="-0.14996795556505021"/>
      </bottom>
      <diagonal/>
    </border>
    <border>
      <left style="thin">
        <color theme="0" tint="-0.24994659260841701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0.14996795556505021"/>
      </left>
      <right style="thin">
        <color theme="0" tint="-0.24994659260841701"/>
      </right>
      <top style="thin">
        <color theme="0" tint="-0.14996795556505021"/>
      </top>
      <bottom style="thin">
        <color theme="0" tint="-0.14996795556505021"/>
      </bottom>
      <diagonal/>
    </border>
    <border>
      <left/>
      <right style="thin">
        <color theme="0" tint="-0.24994659260841701"/>
      </right>
      <top/>
      <bottom/>
      <diagonal/>
    </border>
    <border>
      <left style="thin">
        <color theme="0" tint="-0.24994659260841701"/>
      </left>
      <right/>
      <top/>
      <bottom/>
      <diagonal/>
    </border>
    <border>
      <left style="thin">
        <color theme="0" tint="-0.24994659260841701"/>
      </left>
      <right style="thin">
        <color theme="0" tint="-0.14996795556505021"/>
      </right>
      <top style="thin">
        <color theme="0" tint="-0.14993743705557422"/>
      </top>
      <bottom style="thin">
        <color theme="0" tint="-0.14996795556505021"/>
      </bottom>
      <diagonal/>
    </border>
    <border>
      <left style="thin">
        <color theme="0" tint="-0.24994659260841701"/>
      </left>
      <right style="thin">
        <color theme="0" tint="-0.14996795556505021"/>
      </right>
      <top style="thin">
        <color theme="0" tint="-0.14996795556505021"/>
      </top>
      <bottom style="thin">
        <color theme="0" tint="-0.14993743705557422"/>
      </bottom>
      <diagonal/>
    </border>
    <border>
      <left/>
      <right/>
      <top/>
      <bottom style="thin">
        <color theme="0" tint="-0.24994659260841701"/>
      </bottom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 style="thin">
        <color theme="0" tint="-0.24994659260841701"/>
      </bottom>
      <diagonal/>
    </border>
    <border>
      <left/>
      <right/>
      <top style="thin">
        <color theme="0" tint="-0.14993743705557422"/>
      </top>
      <bottom/>
      <diagonal/>
    </border>
    <border>
      <left style="thin">
        <color theme="0" tint="-0.14996795556505021"/>
      </left>
      <right/>
      <top style="thin">
        <color theme="0" tint="-0.14996795556505021"/>
      </top>
      <bottom/>
      <diagonal/>
    </border>
    <border>
      <left style="thin">
        <color theme="0" tint="-0.14996795556505021"/>
      </left>
      <right/>
      <top style="thin">
        <color theme="0" tint="-0.14993743705557422"/>
      </top>
      <bottom style="thin">
        <color theme="0" tint="-0.14996795556505021"/>
      </bottom>
      <diagonal/>
    </border>
    <border>
      <left/>
      <right style="thin">
        <color theme="0" tint="-0.24994659260841701"/>
      </right>
      <top style="thin">
        <color theme="0" tint="-0.24994659260841701"/>
      </top>
      <bottom style="thin">
        <color theme="0" tint="-0.24994659260841701"/>
      </bottom>
      <diagonal/>
    </border>
    <border>
      <left style="thin">
        <color theme="0" tint="-0.24994659260841701"/>
      </left>
      <right style="thin">
        <color theme="0" tint="-0.24994659260841701"/>
      </right>
      <top style="thin">
        <color theme="0" tint="-0.24994659260841701"/>
      </top>
      <bottom/>
      <diagonal/>
    </border>
    <border>
      <left style="thin">
        <color theme="0" tint="-0.24994659260841701"/>
      </left>
      <right style="thin">
        <color theme="0" tint="-0.24994659260841701"/>
      </right>
      <top/>
      <bottom/>
      <diagonal/>
    </border>
    <border>
      <left style="thin">
        <color theme="0" tint="-0.24994659260841701"/>
      </left>
      <right style="thin">
        <color theme="0" tint="-0.24994659260841701"/>
      </right>
      <top/>
      <bottom style="thin">
        <color theme="0" tint="-0.24994659260841701"/>
      </bottom>
      <diagonal/>
    </border>
    <border>
      <left style="thin">
        <color theme="0" tint="-0.14993743705557422"/>
      </left>
      <right/>
      <top style="thin">
        <color theme="0" tint="-0.14993743705557422"/>
      </top>
      <bottom/>
      <diagonal/>
    </border>
    <border>
      <left/>
      <right style="thin">
        <color theme="0" tint="-0.14993743705557422"/>
      </right>
      <top style="thin">
        <color theme="0" tint="-0.14993743705557422"/>
      </top>
      <bottom/>
      <diagonal/>
    </border>
    <border>
      <left style="thin">
        <color theme="0" tint="-0.14993743705557422"/>
      </left>
      <right/>
      <top/>
      <bottom/>
      <diagonal/>
    </border>
    <border>
      <left style="thin">
        <color theme="0" tint="-0.14993743705557422"/>
      </left>
      <right/>
      <top/>
      <bottom style="thin">
        <color theme="0" tint="-0.14993743705557422"/>
      </bottom>
      <diagonal/>
    </border>
    <border>
      <left/>
      <right/>
      <top/>
      <bottom style="thin">
        <color theme="0" tint="-0.14993743705557422"/>
      </bottom>
      <diagonal/>
    </border>
    <border>
      <left/>
      <right style="thin">
        <color theme="0" tint="-0.14993743705557422"/>
      </right>
      <top/>
      <bottom style="thin">
        <color theme="0" tint="-0.14993743705557422"/>
      </bottom>
      <diagonal/>
    </border>
    <border>
      <left/>
      <right/>
      <top style="thin">
        <color theme="0" tint="-0.14996795556505021"/>
      </top>
      <bottom/>
      <diagonal/>
    </border>
    <border>
      <left/>
      <right style="thin">
        <color theme="0" tint="-0.14996795556505021"/>
      </right>
      <top style="thin">
        <color theme="0" tint="-0.14996795556505021"/>
      </top>
      <bottom/>
      <diagonal/>
    </border>
    <border>
      <left style="thin">
        <color theme="0" tint="-0.14996795556505021"/>
      </left>
      <right/>
      <top/>
      <bottom style="thin">
        <color theme="0" tint="-0.14996795556505021"/>
      </bottom>
      <diagonal/>
    </border>
    <border>
      <left/>
      <right/>
      <top/>
      <bottom style="thin">
        <color theme="0" tint="-0.14996795556505021"/>
      </bottom>
      <diagonal/>
    </border>
    <border>
      <left/>
      <right style="thin">
        <color theme="0" tint="-0.14996795556505021"/>
      </right>
      <top/>
      <bottom style="thin">
        <color theme="0" tint="-0.14996795556505021"/>
      </bottom>
      <diagonal/>
    </border>
    <border>
      <left style="thin">
        <color theme="0" tint="-0.14990691854609822"/>
      </left>
      <right/>
      <top style="thin">
        <color theme="0" tint="-0.14990691854609822"/>
      </top>
      <bottom/>
      <diagonal/>
    </border>
    <border>
      <left/>
      <right style="thin">
        <color theme="0" tint="-0.14990691854609822"/>
      </right>
      <top style="thin">
        <color theme="0" tint="-0.14990691854609822"/>
      </top>
      <bottom/>
      <diagonal/>
    </border>
    <border>
      <left style="thin">
        <color theme="0" tint="-0.14990691854609822"/>
      </left>
      <right/>
      <top/>
      <bottom/>
      <diagonal/>
    </border>
    <border>
      <left/>
      <right style="thin">
        <color theme="0" tint="-0.14990691854609822"/>
      </right>
      <top/>
      <bottom/>
      <diagonal/>
    </border>
    <border>
      <left style="thin">
        <color theme="0" tint="-0.14990691854609822"/>
      </left>
      <right/>
      <top/>
      <bottom style="thin">
        <color theme="0" tint="-0.14990691854609822"/>
      </bottom>
      <diagonal/>
    </border>
    <border>
      <left/>
      <right style="thin">
        <color theme="0" tint="-0.14990691854609822"/>
      </right>
      <top/>
      <bottom style="thin">
        <color theme="0" tint="-0.14990691854609822"/>
      </bottom>
      <diagonal/>
    </border>
    <border>
      <left/>
      <right/>
      <top style="thin">
        <color theme="0" tint="-0.14990691854609822"/>
      </top>
      <bottom/>
      <diagonal/>
    </border>
    <border>
      <left/>
      <right/>
      <top/>
      <bottom style="thin">
        <color theme="0" tint="-0.14990691854609822"/>
      </bottom>
      <diagonal/>
    </border>
    <border>
      <left/>
      <right/>
      <top style="thin">
        <color theme="0" tint="-0.1498764000366222"/>
      </top>
      <bottom/>
      <diagonal/>
    </border>
    <border>
      <left/>
      <right style="thin">
        <color theme="0" tint="-0.1498764000366222"/>
      </right>
      <top style="thin">
        <color theme="0" tint="-0.1498764000366222"/>
      </top>
      <bottom/>
      <diagonal/>
    </border>
    <border>
      <left style="thin">
        <color theme="0" tint="-0.1498764000366222"/>
      </left>
      <right/>
      <top/>
      <bottom/>
      <diagonal/>
    </border>
    <border>
      <left/>
      <right style="thin">
        <color theme="0" tint="-0.1498764000366222"/>
      </right>
      <top/>
      <bottom/>
      <diagonal/>
    </border>
    <border>
      <left style="thin">
        <color theme="0" tint="-0.1498764000366222"/>
      </left>
      <right/>
      <top/>
      <bottom style="thin">
        <color theme="0" tint="-0.1498764000366222"/>
      </bottom>
      <diagonal/>
    </border>
    <border>
      <left/>
      <right/>
      <top/>
      <bottom style="thin">
        <color theme="0" tint="-0.1498764000366222"/>
      </bottom>
      <diagonal/>
    </border>
    <border>
      <left/>
      <right style="thin">
        <color theme="0" tint="-0.1498764000366222"/>
      </right>
      <top/>
      <bottom style="thin">
        <color theme="0" tint="-0.1498764000366222"/>
      </bottom>
      <diagonal/>
    </border>
    <border>
      <left style="thin">
        <color theme="0" tint="-0.1498458815271462"/>
      </left>
      <right/>
      <top style="thin">
        <color theme="0" tint="-0.1498458815271462"/>
      </top>
      <bottom/>
      <diagonal/>
    </border>
    <border>
      <left/>
      <right/>
      <top style="thin">
        <color theme="0" tint="-0.1498458815271462"/>
      </top>
      <bottom/>
      <diagonal/>
    </border>
    <border>
      <left/>
      <right style="thin">
        <color theme="0" tint="-0.1498458815271462"/>
      </right>
      <top style="thin">
        <color theme="0" tint="-0.1498458815271462"/>
      </top>
      <bottom/>
      <diagonal/>
    </border>
    <border>
      <left style="thin">
        <color theme="0" tint="-0.1498458815271462"/>
      </left>
      <right/>
      <top/>
      <bottom style="thin">
        <color theme="0" tint="-0.1498458815271462"/>
      </bottom>
      <diagonal/>
    </border>
    <border>
      <left/>
      <right/>
      <top/>
      <bottom style="thin">
        <color theme="0" tint="-0.1498458815271462"/>
      </bottom>
      <diagonal/>
    </border>
    <border>
      <left/>
      <right style="thin">
        <color theme="0" tint="-0.1498458815271462"/>
      </right>
      <top/>
      <bottom style="thin">
        <color theme="0" tint="-0.1498458815271462"/>
      </bottom>
      <diagonal/>
    </border>
    <border>
      <left style="thin">
        <color theme="0" tint="-0.1498458815271462"/>
      </left>
      <right/>
      <top/>
      <bottom/>
      <diagonal/>
    </border>
    <border>
      <left/>
      <right style="thin">
        <color theme="0" tint="-0.1498458815271462"/>
      </right>
      <top/>
      <bottom/>
      <diagonal/>
    </border>
    <border>
      <left style="thin">
        <color theme="0" tint="-0.14981536301767021"/>
      </left>
      <right/>
      <top style="thin">
        <color theme="0" tint="-0.14981536301767021"/>
      </top>
      <bottom style="thin">
        <color theme="0" tint="-0.14981536301767021"/>
      </bottom>
      <diagonal/>
    </border>
    <border>
      <left/>
      <right/>
      <top style="thin">
        <color theme="0" tint="-0.14981536301767021"/>
      </top>
      <bottom style="thin">
        <color theme="0" tint="-0.14981536301767021"/>
      </bottom>
      <diagonal/>
    </border>
    <border>
      <left/>
      <right style="thin">
        <color theme="0" tint="-0.14981536301767021"/>
      </right>
      <top style="thin">
        <color theme="0" tint="-0.14981536301767021"/>
      </top>
      <bottom style="thin">
        <color theme="0" tint="-0.14981536301767021"/>
      </bottom>
      <diagonal/>
    </border>
    <border>
      <left style="double">
        <color theme="0" tint="-0.14996795556505021"/>
      </left>
      <right/>
      <top style="double">
        <color theme="0" tint="-0.14996795556505021"/>
      </top>
      <bottom/>
      <diagonal/>
    </border>
    <border>
      <left/>
      <right/>
      <top style="double">
        <color theme="0" tint="-0.14996795556505021"/>
      </top>
      <bottom/>
      <diagonal/>
    </border>
    <border>
      <left/>
      <right style="double">
        <color theme="0" tint="-0.14996795556505021"/>
      </right>
      <top style="double">
        <color theme="0" tint="-0.14996795556505021"/>
      </top>
      <bottom/>
      <diagonal/>
    </border>
    <border>
      <left style="double">
        <color theme="0" tint="-0.14996795556505021"/>
      </left>
      <right/>
      <top/>
      <bottom/>
      <diagonal/>
    </border>
    <border>
      <left/>
      <right style="double">
        <color theme="0" tint="-0.14996795556505021"/>
      </right>
      <top/>
      <bottom/>
      <diagonal/>
    </border>
    <border>
      <left style="double">
        <color theme="0" tint="-0.14996795556505021"/>
      </left>
      <right/>
      <top/>
      <bottom style="double">
        <color theme="0" tint="-0.14996795556505021"/>
      </bottom>
      <diagonal/>
    </border>
    <border>
      <left/>
      <right/>
      <top/>
      <bottom style="double">
        <color theme="0" tint="-0.14996795556505021"/>
      </bottom>
      <diagonal/>
    </border>
    <border>
      <left/>
      <right style="double">
        <color theme="0" tint="-0.14996795556505021"/>
      </right>
      <top/>
      <bottom style="double">
        <color theme="0" tint="-0.14996795556505021"/>
      </bottom>
      <diagonal/>
    </border>
    <border>
      <left style="thin">
        <color theme="0" tint="-0.1498764000366222"/>
      </left>
      <right/>
      <top style="thin">
        <color theme="0" tint="-0.1498764000366222"/>
      </top>
      <bottom/>
      <diagonal/>
    </border>
    <border>
      <left/>
      <right/>
      <top/>
      <bottom style="thin">
        <color theme="0" tint="-0.14981536301767021"/>
      </bottom>
      <diagonal/>
    </border>
    <border>
      <left/>
      <right style="thin">
        <color theme="0" tint="-0.1498458815271462"/>
      </right>
      <top/>
      <bottom style="thin">
        <color theme="0" tint="-0.14981536301767021"/>
      </bottom>
      <diagonal/>
    </border>
    <border>
      <left/>
      <right style="thin">
        <color theme="0" tint="-0.14990691854609822"/>
      </right>
      <top style="thin">
        <color theme="0" tint="-0.14993743705557422"/>
      </top>
      <bottom/>
      <diagonal/>
    </border>
    <border>
      <left style="thin">
        <color theme="0" tint="-0.14990691854609822"/>
      </left>
      <right style="thin">
        <color theme="0" tint="-0.1498764000366222"/>
      </right>
      <top style="thin">
        <color theme="0" tint="-0.14990691854609822"/>
      </top>
      <bottom/>
      <diagonal/>
    </border>
    <border>
      <left style="thin">
        <color theme="0" tint="-0.14990691854609822"/>
      </left>
      <right style="thin">
        <color theme="0" tint="-0.1498764000366222"/>
      </right>
      <top/>
      <bottom style="thin">
        <color theme="0" tint="-0.14990691854609822"/>
      </bottom>
      <diagonal/>
    </border>
  </borders>
  <cellStyleXfs count="4">
    <xf numFmtId="0" fontId="0" fillId="0" borderId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9" fontId="3" fillId="0" borderId="0" applyFont="0" applyFill="0" applyBorder="0" applyAlignment="0" applyProtection="0"/>
  </cellStyleXfs>
  <cellXfs count="338">
    <xf numFmtId="0" fontId="0" fillId="0" borderId="0" xfId="0"/>
    <xf numFmtId="0" fontId="2" fillId="0" borderId="0" xfId="0" applyFont="1"/>
    <xf numFmtId="0" fontId="1" fillId="0" borderId="1" xfId="0" applyFont="1" applyBorder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2" fillId="0" borderId="1" xfId="0" applyFont="1" applyBorder="1"/>
    <xf numFmtId="0" fontId="0" fillId="0" borderId="0" xfId="0" applyAlignment="1">
      <alignment horizontal="center"/>
    </xf>
    <xf numFmtId="0" fontId="4" fillId="3" borderId="1" xfId="0" applyFont="1" applyFill="1" applyBorder="1" applyAlignment="1">
      <alignment horizontal="right"/>
    </xf>
    <xf numFmtId="0" fontId="4" fillId="3" borderId="1" xfId="0" applyFont="1" applyFill="1" applyBorder="1" applyAlignment="1">
      <alignment horizontal="center" vertical="center"/>
    </xf>
    <xf numFmtId="0" fontId="2" fillId="0" borderId="0" xfId="0" applyFont="1" applyAlignment="1">
      <alignment horizontal="center"/>
    </xf>
    <xf numFmtId="0" fontId="5" fillId="4" borderId="1" xfId="0" applyFont="1" applyFill="1" applyBorder="1" applyAlignment="1">
      <alignment horizontal="right"/>
    </xf>
    <xf numFmtId="0" fontId="5" fillId="4" borderId="1" xfId="0" applyFont="1" applyFill="1" applyBorder="1" applyAlignment="1">
      <alignment horizontal="center"/>
    </xf>
    <xf numFmtId="0" fontId="2" fillId="4" borderId="1" xfId="0" applyFont="1" applyFill="1" applyBorder="1" applyAlignment="1">
      <alignment horizontal="center"/>
    </xf>
    <xf numFmtId="0" fontId="4" fillId="0" borderId="1" xfId="0" applyFont="1" applyBorder="1" applyAlignment="1">
      <alignment horizontal="right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right"/>
    </xf>
    <xf numFmtId="0" fontId="5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/>
    </xf>
    <xf numFmtId="2" fontId="2" fillId="0" borderId="1" xfId="0" applyNumberFormat="1" applyFont="1" applyBorder="1" applyAlignment="1">
      <alignment horizontal="center"/>
    </xf>
    <xf numFmtId="0" fontId="5" fillId="3" borderId="1" xfId="0" applyFont="1" applyFill="1" applyBorder="1" applyAlignment="1">
      <alignment horizontal="right" vertical="center"/>
    </xf>
    <xf numFmtId="2" fontId="2" fillId="3" borderId="1" xfId="0" applyNumberFormat="1" applyFont="1" applyFill="1" applyBorder="1" applyAlignment="1">
      <alignment horizontal="center"/>
    </xf>
    <xf numFmtId="0" fontId="2" fillId="0" borderId="1" xfId="0" applyFont="1" applyBorder="1" applyAlignment="1">
      <alignment horizontal="right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right"/>
    </xf>
    <xf numFmtId="0" fontId="5" fillId="6" borderId="1" xfId="0" applyFont="1" applyFill="1" applyBorder="1" applyAlignment="1">
      <alignment horizontal="right" vertical="center"/>
    </xf>
    <xf numFmtId="0" fontId="5" fillId="6" borderId="1" xfId="0" applyFont="1" applyFill="1" applyBorder="1" applyAlignment="1">
      <alignment horizontal="center" vertical="center"/>
    </xf>
    <xf numFmtId="2" fontId="5" fillId="5" borderId="1" xfId="0" applyNumberFormat="1" applyFont="1" applyFill="1" applyBorder="1" applyAlignment="1">
      <alignment horizontal="center"/>
    </xf>
    <xf numFmtId="0" fontId="2" fillId="0" borderId="2" xfId="0" applyFont="1" applyBorder="1" applyAlignment="1">
      <alignment horizontal="right" vertical="center" wrapText="1"/>
    </xf>
    <xf numFmtId="10" fontId="2" fillId="0" borderId="0" xfId="3" applyNumberFormat="1" applyFont="1" applyBorder="1" applyAlignment="1">
      <alignment horizontal="center"/>
    </xf>
    <xf numFmtId="0" fontId="2" fillId="0" borderId="4" xfId="0" applyFont="1" applyBorder="1" applyAlignment="1">
      <alignment horizontal="center"/>
    </xf>
    <xf numFmtId="2" fontId="2" fillId="0" borderId="1" xfId="1" applyNumberFormat="1" applyFont="1" applyBorder="1" applyAlignment="1">
      <alignment horizontal="center"/>
    </xf>
    <xf numFmtId="44" fontId="2" fillId="0" borderId="0" xfId="2" applyFont="1" applyBorder="1"/>
    <xf numFmtId="10" fontId="2" fillId="0" borderId="0" xfId="3" applyNumberFormat="1" applyFont="1" applyBorder="1"/>
    <xf numFmtId="0" fontId="2" fillId="0" borderId="5" xfId="0" applyFont="1" applyBorder="1" applyAlignment="1">
      <alignment horizontal="center"/>
    </xf>
    <xf numFmtId="0" fontId="2" fillId="0" borderId="0" xfId="0" applyFont="1" applyBorder="1"/>
    <xf numFmtId="0" fontId="2" fillId="0" borderId="0" xfId="0" applyFont="1" applyBorder="1" applyAlignment="1">
      <alignment horizontal="center"/>
    </xf>
    <xf numFmtId="0" fontId="2" fillId="0" borderId="0" xfId="0" applyFont="1" applyBorder="1" applyAlignment="1">
      <alignment horizontal="right"/>
    </xf>
    <xf numFmtId="0" fontId="2" fillId="0" borderId="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right"/>
    </xf>
    <xf numFmtId="2" fontId="5" fillId="5" borderId="0" xfId="0" applyNumberFormat="1" applyFont="1" applyFill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2" fillId="0" borderId="11" xfId="0" applyFont="1" applyBorder="1"/>
    <xf numFmtId="0" fontId="5" fillId="4" borderId="10" xfId="0" applyFont="1" applyFill="1" applyBorder="1" applyAlignment="1">
      <alignment horizontal="right"/>
    </xf>
    <xf numFmtId="0" fontId="5" fillId="4" borderId="10" xfId="0" applyFont="1" applyFill="1" applyBorder="1" applyAlignment="1">
      <alignment horizontal="center"/>
    </xf>
    <xf numFmtId="0" fontId="2" fillId="4" borderId="10" xfId="0" applyFont="1" applyFill="1" applyBorder="1" applyAlignment="1">
      <alignment horizontal="center"/>
    </xf>
    <xf numFmtId="0" fontId="4" fillId="0" borderId="14" xfId="0" applyFont="1" applyBorder="1" applyAlignment="1">
      <alignment horizontal="right"/>
    </xf>
    <xf numFmtId="2" fontId="2" fillId="0" borderId="15" xfId="0" applyNumberFormat="1" applyFont="1" applyBorder="1" applyAlignment="1">
      <alignment horizontal="center"/>
    </xf>
    <xf numFmtId="0" fontId="5" fillId="3" borderId="14" xfId="0" applyFont="1" applyFill="1" applyBorder="1" applyAlignment="1">
      <alignment horizontal="right" vertical="center"/>
    </xf>
    <xf numFmtId="0" fontId="2" fillId="0" borderId="14" xfId="0" applyFont="1" applyBorder="1" applyAlignment="1">
      <alignment horizontal="right" vertical="center" wrapText="1"/>
    </xf>
    <xf numFmtId="0" fontId="4" fillId="3" borderId="14" xfId="0" applyFont="1" applyFill="1" applyBorder="1" applyAlignment="1">
      <alignment horizontal="right"/>
    </xf>
    <xf numFmtId="0" fontId="2" fillId="0" borderId="16" xfId="0" applyFont="1" applyBorder="1"/>
    <xf numFmtId="0" fontId="2" fillId="0" borderId="17" xfId="0" applyFont="1" applyBorder="1" applyAlignment="1">
      <alignment horizontal="right" vertical="center" wrapText="1"/>
    </xf>
    <xf numFmtId="0" fontId="5" fillId="3" borderId="18" xfId="0" applyFont="1" applyFill="1" applyBorder="1" applyAlignment="1">
      <alignment horizontal="right" vertical="center"/>
    </xf>
    <xf numFmtId="0" fontId="5" fillId="3" borderId="17" xfId="0" applyFont="1" applyFill="1" applyBorder="1" applyAlignment="1">
      <alignment horizontal="right" vertical="center"/>
    </xf>
    <xf numFmtId="0" fontId="2" fillId="0" borderId="17" xfId="0" applyFont="1" applyBorder="1" applyAlignment="1">
      <alignment horizontal="right"/>
    </xf>
    <xf numFmtId="0" fontId="2" fillId="0" borderId="19" xfId="0" applyFont="1" applyBorder="1" applyAlignment="1">
      <alignment horizontal="right" vertical="center" wrapText="1"/>
    </xf>
    <xf numFmtId="0" fontId="2" fillId="0" borderId="6" xfId="0" applyFont="1" applyBorder="1" applyAlignment="1">
      <alignment horizontal="right"/>
    </xf>
    <xf numFmtId="0" fontId="2" fillId="0" borderId="20" xfId="0" applyFont="1" applyBorder="1" applyAlignment="1">
      <alignment horizontal="center"/>
    </xf>
    <xf numFmtId="0" fontId="2" fillId="0" borderId="20" xfId="0" applyFont="1" applyBorder="1"/>
    <xf numFmtId="0" fontId="2" fillId="0" borderId="21" xfId="0" applyFont="1" applyBorder="1" applyAlignment="1">
      <alignment horizontal="right" vertical="center" wrapText="1"/>
    </xf>
    <xf numFmtId="2" fontId="2" fillId="0" borderId="21" xfId="1" applyNumberFormat="1" applyFont="1" applyBorder="1" applyAlignment="1">
      <alignment horizontal="center"/>
    </xf>
    <xf numFmtId="0" fontId="2" fillId="0" borderId="7" xfId="0" applyFont="1" applyBorder="1"/>
    <xf numFmtId="0" fontId="7" fillId="0" borderId="0" xfId="0" applyFont="1" applyFill="1" applyBorder="1" applyAlignment="1">
      <alignment horizontal="center"/>
    </xf>
    <xf numFmtId="2" fontId="7" fillId="0" borderId="0" xfId="0" applyNumberFormat="1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 vertical="center" wrapText="1"/>
    </xf>
    <xf numFmtId="0" fontId="2" fillId="0" borderId="22" xfId="0" applyFont="1" applyBorder="1" applyAlignment="1">
      <alignment horizontal="center"/>
    </xf>
    <xf numFmtId="0" fontId="4" fillId="0" borderId="9" xfId="0" applyFont="1" applyFill="1" applyBorder="1" applyAlignment="1">
      <alignment horizontal="right" vertical="center"/>
    </xf>
    <xf numFmtId="0" fontId="7" fillId="0" borderId="9" xfId="0" applyFont="1" applyFill="1" applyBorder="1" applyAlignment="1">
      <alignment horizontal="right" vertical="center" wrapText="1"/>
    </xf>
    <xf numFmtId="0" fontId="2" fillId="0" borderId="9" xfId="0" applyFont="1" applyBorder="1" applyAlignment="1">
      <alignment horizontal="center"/>
    </xf>
    <xf numFmtId="44" fontId="2" fillId="0" borderId="0" xfId="0" applyNumberFormat="1" applyFont="1" applyAlignment="1">
      <alignment horizontal="center"/>
    </xf>
    <xf numFmtId="0" fontId="6" fillId="0" borderId="8" xfId="0" applyFont="1" applyBorder="1" applyAlignment="1">
      <alignment horizontal="right"/>
    </xf>
    <xf numFmtId="0" fontId="5" fillId="0" borderId="0" xfId="0" applyFont="1" applyBorder="1" applyAlignment="1">
      <alignment horizontal="center"/>
    </xf>
    <xf numFmtId="44" fontId="2" fillId="7" borderId="0" xfId="2" applyFont="1" applyFill="1" applyBorder="1"/>
    <xf numFmtId="10" fontId="2" fillId="7" borderId="8" xfId="0" applyNumberFormat="1" applyFont="1" applyFill="1" applyBorder="1" applyAlignment="1">
      <alignment horizontal="center"/>
    </xf>
    <xf numFmtId="2" fontId="2" fillId="4" borderId="0" xfId="0" applyNumberFormat="1" applyFont="1" applyFill="1" applyBorder="1" applyAlignment="1">
      <alignment horizontal="center"/>
    </xf>
    <xf numFmtId="44" fontId="2" fillId="0" borderId="0" xfId="0" applyNumberFormat="1" applyFont="1" applyBorder="1"/>
    <xf numFmtId="2" fontId="2" fillId="0" borderId="0" xfId="0" applyNumberFormat="1" applyFont="1" applyBorder="1"/>
    <xf numFmtId="4" fontId="2" fillId="0" borderId="0" xfId="0" applyNumberFormat="1" applyFont="1" applyBorder="1" applyAlignment="1">
      <alignment vertical="center" wrapText="1"/>
    </xf>
    <xf numFmtId="10" fontId="2" fillId="0" borderId="0" xfId="0" applyNumberFormat="1" applyFont="1" applyBorder="1" applyAlignment="1">
      <alignment vertical="center" wrapText="1"/>
    </xf>
    <xf numFmtId="0" fontId="2" fillId="5" borderId="0" xfId="0" applyFont="1" applyFill="1" applyBorder="1" applyAlignment="1">
      <alignment horizontal="center"/>
    </xf>
    <xf numFmtId="0" fontId="2" fillId="0" borderId="5" xfId="0" applyFont="1" applyBorder="1" applyAlignment="1">
      <alignment horizontal="right"/>
    </xf>
    <xf numFmtId="0" fontId="2" fillId="4" borderId="5" xfId="0" applyFont="1" applyFill="1" applyBorder="1" applyAlignment="1">
      <alignment horizontal="center"/>
    </xf>
    <xf numFmtId="0" fontId="4" fillId="3" borderId="1" xfId="0" applyFont="1" applyFill="1" applyBorder="1" applyAlignment="1">
      <alignment horizontal="left"/>
    </xf>
    <xf numFmtId="2" fontId="5" fillId="5" borderId="3" xfId="0" applyNumberFormat="1" applyFont="1" applyFill="1" applyBorder="1" applyAlignment="1">
      <alignment horizontal="center"/>
    </xf>
    <xf numFmtId="0" fontId="2" fillId="0" borderId="23" xfId="0" applyFont="1" applyBorder="1" applyAlignment="1">
      <alignment horizontal="center"/>
    </xf>
    <xf numFmtId="0" fontId="2" fillId="0" borderId="24" xfId="0" applyFont="1" applyBorder="1" applyAlignment="1">
      <alignment horizontal="center"/>
    </xf>
    <xf numFmtId="44" fontId="2" fillId="2" borderId="0" xfId="0" applyNumberFormat="1" applyFont="1" applyFill="1" applyAlignment="1">
      <alignment horizontal="left"/>
    </xf>
    <xf numFmtId="0" fontId="2" fillId="0" borderId="0" xfId="0" applyFont="1" applyBorder="1" applyAlignment="1">
      <alignment horizontal="left"/>
    </xf>
    <xf numFmtId="0" fontId="6" fillId="0" borderId="0" xfId="0" applyFont="1" applyFill="1" applyBorder="1" applyAlignment="1">
      <alignment horizontal="left"/>
    </xf>
    <xf numFmtId="0" fontId="2" fillId="0" borderId="0" xfId="0" applyFont="1" applyFill="1" applyAlignment="1">
      <alignment horizontal="center"/>
    </xf>
    <xf numFmtId="0" fontId="6" fillId="0" borderId="8" xfId="0" applyFont="1" applyFill="1" applyBorder="1" applyAlignment="1">
      <alignment horizontal="right"/>
    </xf>
    <xf numFmtId="0" fontId="6" fillId="0" borderId="0" xfId="0" applyNumberFormat="1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6" fillId="0" borderId="0" xfId="0" applyFont="1" applyFill="1" applyBorder="1" applyAlignment="1">
      <alignment horizontal="right"/>
    </xf>
    <xf numFmtId="8" fontId="2" fillId="0" borderId="0" xfId="0" applyNumberFormat="1" applyFont="1" applyFill="1" applyAlignment="1">
      <alignment horizontal="left"/>
    </xf>
    <xf numFmtId="44" fontId="2" fillId="0" borderId="0" xfId="2" applyFont="1" applyFill="1" applyBorder="1"/>
    <xf numFmtId="10" fontId="2" fillId="0" borderId="0" xfId="3" applyNumberFormat="1" applyFont="1" applyFill="1" applyBorder="1"/>
    <xf numFmtId="0" fontId="9" fillId="3" borderId="0" xfId="0" applyFont="1" applyFill="1"/>
    <xf numFmtId="0" fontId="5" fillId="0" borderId="29" xfId="0" applyFont="1" applyBorder="1" applyAlignment="1">
      <alignment horizontal="right"/>
    </xf>
    <xf numFmtId="0" fontId="2" fillId="0" borderId="22" xfId="0" applyFont="1" applyBorder="1"/>
    <xf numFmtId="0" fontId="2" fillId="0" borderId="30" xfId="0" applyFont="1" applyBorder="1"/>
    <xf numFmtId="0" fontId="5" fillId="0" borderId="31" xfId="0" applyFont="1" applyBorder="1" applyAlignment="1">
      <alignment horizontal="center"/>
    </xf>
    <xf numFmtId="0" fontId="2" fillId="0" borderId="4" xfId="0" applyFont="1" applyBorder="1"/>
    <xf numFmtId="0" fontId="2" fillId="0" borderId="31" xfId="0" applyFont="1" applyBorder="1" applyAlignment="1">
      <alignment horizontal="right"/>
    </xf>
    <xf numFmtId="0" fontId="2" fillId="8" borderId="31" xfId="0" applyFont="1" applyFill="1" applyBorder="1" applyAlignment="1">
      <alignment horizontal="right"/>
    </xf>
    <xf numFmtId="0" fontId="2" fillId="0" borderId="31" xfId="0" applyFont="1" applyBorder="1" applyAlignment="1">
      <alignment horizontal="right" vertical="center" wrapText="1"/>
    </xf>
    <xf numFmtId="0" fontId="2" fillId="0" borderId="31" xfId="0" applyFont="1" applyBorder="1"/>
    <xf numFmtId="0" fontId="2" fillId="0" borderId="32" xfId="0" applyFont="1" applyBorder="1"/>
    <xf numFmtId="0" fontId="2" fillId="0" borderId="33" xfId="0" applyFont="1" applyBorder="1"/>
    <xf numFmtId="0" fontId="2" fillId="0" borderId="33" xfId="0" applyFont="1" applyBorder="1" applyAlignment="1">
      <alignment horizontal="right"/>
    </xf>
    <xf numFmtId="44" fontId="2" fillId="0" borderId="33" xfId="0" applyNumberFormat="1" applyFont="1" applyBorder="1"/>
    <xf numFmtId="0" fontId="2" fillId="0" borderId="34" xfId="0" applyFont="1" applyBorder="1"/>
    <xf numFmtId="0" fontId="0" fillId="0" borderId="0" xfId="0" applyAlignment="1">
      <alignment vertical="center" wrapText="1"/>
    </xf>
    <xf numFmtId="0" fontId="0" fillId="0" borderId="0" xfId="0" applyAlignment="1" applyProtection="1">
      <alignment vertical="center"/>
      <protection locked="0"/>
    </xf>
    <xf numFmtId="0" fontId="0" fillId="0" borderId="0" xfId="0" applyAlignment="1">
      <alignment vertical="center"/>
    </xf>
    <xf numFmtId="0" fontId="10" fillId="4" borderId="0" xfId="0" applyFont="1" applyFill="1" applyBorder="1" applyAlignment="1" applyProtection="1">
      <alignment vertical="center"/>
      <protection locked="0"/>
    </xf>
    <xf numFmtId="0" fontId="0" fillId="0" borderId="0" xfId="0" applyBorder="1" applyAlignment="1" applyProtection="1">
      <alignment vertical="center"/>
      <protection locked="0"/>
    </xf>
    <xf numFmtId="0" fontId="10" fillId="0" borderId="0" xfId="0" applyFont="1" applyBorder="1" applyAlignment="1" applyProtection="1">
      <alignment vertical="center"/>
      <protection locked="0"/>
    </xf>
    <xf numFmtId="0" fontId="0" fillId="0" borderId="0" xfId="0" applyBorder="1" applyAlignment="1">
      <alignment vertical="center"/>
    </xf>
    <xf numFmtId="0" fontId="0" fillId="0" borderId="0" xfId="0" applyBorder="1" applyAlignment="1" applyProtection="1">
      <alignment horizontal="right" vertical="center"/>
      <protection locked="0"/>
    </xf>
    <xf numFmtId="0" fontId="0" fillId="0" borderId="0" xfId="0" applyFont="1" applyFill="1" applyBorder="1" applyAlignment="1" applyProtection="1">
      <alignment vertical="center"/>
      <protection locked="0"/>
    </xf>
    <xf numFmtId="0" fontId="10" fillId="0" borderId="0" xfId="0" applyFont="1" applyFill="1" applyBorder="1" applyAlignment="1" applyProtection="1">
      <alignment vertical="center"/>
      <protection locked="0"/>
    </xf>
    <xf numFmtId="0" fontId="0" fillId="0" borderId="0" xfId="0" applyBorder="1" applyAlignment="1">
      <alignment horizontal="right" vertical="center"/>
    </xf>
    <xf numFmtId="0" fontId="0" fillId="0" borderId="54" xfId="0" applyBorder="1" applyAlignment="1">
      <alignment vertical="center"/>
    </xf>
    <xf numFmtId="0" fontId="0" fillId="0" borderId="23" xfId="0" applyBorder="1" applyAlignment="1" applyProtection="1">
      <alignment vertical="center"/>
      <protection locked="0"/>
    </xf>
    <xf numFmtId="0" fontId="0" fillId="0" borderId="35" xfId="0" applyBorder="1" applyAlignment="1" applyProtection="1">
      <alignment vertical="center"/>
      <protection locked="0"/>
    </xf>
    <xf numFmtId="0" fontId="0" fillId="0" borderId="36" xfId="0" applyBorder="1" applyAlignment="1" applyProtection="1">
      <alignment vertical="center"/>
      <protection locked="0"/>
    </xf>
    <xf numFmtId="0" fontId="0" fillId="0" borderId="9" xfId="0" applyBorder="1" applyAlignment="1" applyProtection="1">
      <alignment vertical="center"/>
      <protection locked="0"/>
    </xf>
    <xf numFmtId="0" fontId="0" fillId="0" borderId="8" xfId="0" applyBorder="1" applyAlignment="1" applyProtection="1">
      <alignment vertical="center"/>
      <protection locked="0"/>
    </xf>
    <xf numFmtId="0" fontId="0" fillId="0" borderId="37" xfId="0" applyBorder="1" applyAlignment="1" applyProtection="1">
      <alignment vertical="center"/>
      <protection locked="0"/>
    </xf>
    <xf numFmtId="0" fontId="0" fillId="0" borderId="39" xfId="0" applyBorder="1" applyAlignment="1" applyProtection="1">
      <alignment vertical="center"/>
      <protection locked="0"/>
    </xf>
    <xf numFmtId="0" fontId="0" fillId="0" borderId="35" xfId="0" applyBorder="1" applyAlignment="1">
      <alignment vertical="center"/>
    </xf>
    <xf numFmtId="0" fontId="0" fillId="0" borderId="0" xfId="0" applyBorder="1" applyAlignment="1" applyProtection="1">
      <alignment vertical="center" wrapText="1"/>
      <protection locked="0"/>
    </xf>
    <xf numFmtId="0" fontId="10" fillId="0" borderId="0" xfId="0" applyFont="1" applyBorder="1" applyAlignment="1" applyProtection="1">
      <alignment horizontal="righ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0" fontId="0" fillId="0" borderId="0" xfId="0" applyBorder="1" applyAlignment="1">
      <alignment horizontal="center" vertical="center"/>
    </xf>
    <xf numFmtId="0" fontId="0" fillId="0" borderId="38" xfId="0" applyBorder="1" applyAlignment="1" applyProtection="1">
      <alignment vertical="center"/>
      <protection locked="0"/>
    </xf>
    <xf numFmtId="0" fontId="10" fillId="0" borderId="0" xfId="0" applyFont="1" applyBorder="1" applyAlignment="1">
      <alignment horizontal="right" vertical="center"/>
    </xf>
    <xf numFmtId="0" fontId="0" fillId="0" borderId="29" xfId="0" applyBorder="1" applyAlignment="1" applyProtection="1">
      <alignment vertical="center"/>
      <protection locked="0"/>
    </xf>
    <xf numFmtId="0" fontId="0" fillId="0" borderId="22" xfId="0" applyBorder="1" applyAlignment="1" applyProtection="1">
      <alignment vertical="center"/>
      <protection locked="0"/>
    </xf>
    <xf numFmtId="0" fontId="0" fillId="0" borderId="4" xfId="0" applyBorder="1" applyAlignment="1">
      <alignment vertical="center"/>
    </xf>
    <xf numFmtId="0" fontId="0" fillId="0" borderId="31" xfId="0" applyBorder="1" applyAlignment="1" applyProtection="1">
      <alignment vertical="center"/>
      <protection locked="0"/>
    </xf>
    <xf numFmtId="0" fontId="0" fillId="0" borderId="4" xfId="0" applyBorder="1" applyAlignment="1" applyProtection="1">
      <alignment vertical="center"/>
      <protection locked="0"/>
    </xf>
    <xf numFmtId="0" fontId="0" fillId="0" borderId="32" xfId="0" applyBorder="1" applyAlignment="1" applyProtection="1">
      <alignment vertical="center"/>
      <protection locked="0"/>
    </xf>
    <xf numFmtId="0" fontId="0" fillId="0" borderId="34" xfId="0" applyBorder="1" applyAlignment="1" applyProtection="1">
      <alignment vertical="center"/>
      <protection locked="0"/>
    </xf>
    <xf numFmtId="0" fontId="0" fillId="0" borderId="42" xfId="0" applyBorder="1" applyAlignment="1" applyProtection="1">
      <alignment vertical="center"/>
      <protection locked="0"/>
    </xf>
    <xf numFmtId="0" fontId="0" fillId="0" borderId="50" xfId="0" applyBorder="1" applyAlignment="1">
      <alignment vertical="center"/>
    </xf>
    <xf numFmtId="0" fontId="0" fillId="0" borderId="51" xfId="0" applyBorder="1" applyAlignment="1">
      <alignment vertical="center"/>
    </xf>
    <xf numFmtId="0" fontId="0" fillId="0" borderId="52" xfId="0" applyBorder="1" applyAlignment="1" applyProtection="1">
      <alignment vertical="center"/>
      <protection locked="0"/>
    </xf>
    <xf numFmtId="0" fontId="0" fillId="0" borderId="53" xfId="0" applyBorder="1" applyAlignment="1" applyProtection="1">
      <alignment vertical="center"/>
      <protection locked="0"/>
    </xf>
    <xf numFmtId="0" fontId="0" fillId="0" borderId="22" xfId="0" applyBorder="1" applyAlignment="1">
      <alignment vertical="center"/>
    </xf>
    <xf numFmtId="0" fontId="0" fillId="0" borderId="30" xfId="0" applyBorder="1" applyAlignment="1" applyProtection="1">
      <alignment vertical="center"/>
      <protection locked="0"/>
    </xf>
    <xf numFmtId="0" fontId="0" fillId="0" borderId="31" xfId="0" applyBorder="1" applyAlignment="1">
      <alignment vertical="center"/>
    </xf>
    <xf numFmtId="0" fontId="0" fillId="0" borderId="32" xfId="0" applyBorder="1" applyAlignment="1">
      <alignment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50" xfId="0" applyBorder="1" applyAlignment="1" applyProtection="1">
      <alignment vertical="center"/>
      <protection locked="0"/>
    </xf>
    <xf numFmtId="0" fontId="10" fillId="0" borderId="53" xfId="0" applyFont="1" applyBorder="1" applyAlignment="1" applyProtection="1">
      <alignment horizontal="right" vertical="center"/>
      <protection locked="0"/>
    </xf>
    <xf numFmtId="0" fontId="0" fillId="0" borderId="53" xfId="0" applyBorder="1" applyAlignment="1">
      <alignment horizontal="center" vertical="center"/>
    </xf>
    <xf numFmtId="0" fontId="0" fillId="0" borderId="0" xfId="0" applyFont="1" applyFill="1" applyBorder="1" applyAlignment="1" applyProtection="1">
      <alignment vertical="center" wrapText="1"/>
      <protection locked="0"/>
    </xf>
    <xf numFmtId="0" fontId="0" fillId="0" borderId="0" xfId="0" applyFont="1" applyBorder="1" applyAlignment="1">
      <alignment vertical="center"/>
    </xf>
    <xf numFmtId="0" fontId="10" fillId="0" borderId="0" xfId="0" applyFont="1" applyFill="1" applyBorder="1" applyAlignment="1" applyProtection="1">
      <alignment horizontal="right" vertical="center"/>
      <protection locked="0"/>
    </xf>
    <xf numFmtId="10" fontId="3" fillId="0" borderId="0" xfId="3" applyNumberFormat="1" applyFont="1" applyFill="1" applyBorder="1" applyAlignment="1" applyProtection="1">
      <alignment horizontal="center" vertical="center"/>
      <protection locked="0"/>
    </xf>
    <xf numFmtId="0" fontId="0" fillId="0" borderId="46" xfId="0" applyBorder="1" applyAlignment="1">
      <alignment vertical="center"/>
    </xf>
    <xf numFmtId="0" fontId="0" fillId="0" borderId="44" xfId="0" applyBorder="1" applyAlignment="1">
      <alignment vertical="center"/>
    </xf>
    <xf numFmtId="0" fontId="0" fillId="0" borderId="47" xfId="0" applyBorder="1" applyAlignment="1">
      <alignment vertical="center"/>
    </xf>
    <xf numFmtId="0" fontId="0" fillId="0" borderId="0" xfId="0" applyFill="1" applyBorder="1" applyAlignment="1" applyProtection="1">
      <alignment horizontal="right" vertical="center"/>
      <protection locked="0"/>
    </xf>
    <xf numFmtId="0" fontId="0" fillId="0" borderId="0" xfId="0" applyFill="1" applyBorder="1" applyAlignment="1">
      <alignment horizontal="right" vertical="center"/>
    </xf>
    <xf numFmtId="0" fontId="10" fillId="0" borderId="0" xfId="0" applyFont="1" applyFill="1" applyBorder="1" applyAlignment="1" applyProtection="1">
      <alignment vertical="center" wrapText="1"/>
      <protection locked="0"/>
    </xf>
    <xf numFmtId="165" fontId="10" fillId="0" borderId="0" xfId="0" applyNumberFormat="1" applyFont="1" applyFill="1" applyBorder="1" applyAlignment="1" applyProtection="1">
      <alignment vertical="center"/>
      <protection locked="0"/>
    </xf>
    <xf numFmtId="0" fontId="0" fillId="4" borderId="31" xfId="0" applyFill="1" applyBorder="1" applyAlignment="1" applyProtection="1">
      <alignment vertical="center"/>
      <protection locked="0"/>
    </xf>
    <xf numFmtId="0" fontId="10" fillId="0" borderId="33" xfId="0" applyFont="1" applyFill="1" applyBorder="1" applyAlignment="1" applyProtection="1">
      <alignment vertical="center" wrapText="1"/>
      <protection locked="0"/>
    </xf>
    <xf numFmtId="0" fontId="0" fillId="0" borderId="33" xfId="0" applyFont="1" applyFill="1" applyBorder="1" applyAlignment="1" applyProtection="1">
      <alignment vertical="center"/>
      <protection locked="0"/>
    </xf>
    <xf numFmtId="0" fontId="10" fillId="0" borderId="0" xfId="0" applyFont="1" applyFill="1" applyBorder="1" applyAlignment="1" applyProtection="1">
      <alignment horizontal="center" vertical="center"/>
      <protection locked="0"/>
    </xf>
    <xf numFmtId="0" fontId="10" fillId="0" borderId="55" xfId="0" applyFont="1" applyFill="1" applyBorder="1" applyAlignment="1" applyProtection="1">
      <alignment horizontal="center" vertical="center"/>
      <protection locked="0"/>
    </xf>
    <xf numFmtId="0" fontId="10" fillId="0" borderId="56" xfId="0" applyFont="1" applyFill="1" applyBorder="1" applyAlignment="1" applyProtection="1">
      <alignment horizontal="center" vertical="center"/>
      <protection locked="0"/>
    </xf>
    <xf numFmtId="0" fontId="10" fillId="0" borderId="57" xfId="0" applyFont="1" applyFill="1" applyBorder="1" applyAlignment="1" applyProtection="1">
      <alignment horizontal="center" vertical="center"/>
      <protection locked="0"/>
    </xf>
    <xf numFmtId="0" fontId="10" fillId="0" borderId="61" xfId="0" applyFont="1" applyFill="1" applyBorder="1" applyAlignment="1" applyProtection="1">
      <alignment horizontal="center" vertical="center"/>
      <protection locked="0"/>
    </xf>
    <xf numFmtId="0" fontId="10" fillId="0" borderId="62" xfId="0" applyFont="1" applyFill="1" applyBorder="1" applyAlignment="1" applyProtection="1">
      <alignment horizontal="center" vertical="center"/>
      <protection locked="0"/>
    </xf>
    <xf numFmtId="0" fontId="0" fillId="0" borderId="66" xfId="0" applyBorder="1" applyAlignment="1" applyProtection="1">
      <alignment vertical="center"/>
      <protection locked="0"/>
    </xf>
    <xf numFmtId="0" fontId="0" fillId="0" borderId="67" xfId="0" applyBorder="1" applyAlignment="1" applyProtection="1">
      <alignment vertical="center"/>
      <protection locked="0"/>
    </xf>
    <xf numFmtId="0" fontId="0" fillId="0" borderId="67" xfId="0" applyBorder="1" applyAlignment="1">
      <alignment vertical="center"/>
    </xf>
    <xf numFmtId="0" fontId="0" fillId="0" borderId="68" xfId="0" applyBorder="1" applyAlignment="1">
      <alignment vertical="center"/>
    </xf>
    <xf numFmtId="0" fontId="0" fillId="0" borderId="69" xfId="0" applyBorder="1" applyAlignment="1" applyProtection="1">
      <alignment vertical="center"/>
      <protection locked="0"/>
    </xf>
    <xf numFmtId="0" fontId="0" fillId="0" borderId="70" xfId="0" applyBorder="1" applyAlignment="1">
      <alignment vertical="center"/>
    </xf>
    <xf numFmtId="0" fontId="0" fillId="0" borderId="70" xfId="0" applyBorder="1" applyAlignment="1" applyProtection="1">
      <alignment vertical="center"/>
      <protection locked="0"/>
    </xf>
    <xf numFmtId="0" fontId="11" fillId="10" borderId="0" xfId="0" applyFont="1" applyFill="1" applyBorder="1" applyAlignment="1">
      <alignment vertical="center"/>
    </xf>
    <xf numFmtId="0" fontId="0" fillId="0" borderId="69" xfId="0" applyBorder="1" applyAlignment="1">
      <alignment vertical="center"/>
    </xf>
    <xf numFmtId="0" fontId="0" fillId="0" borderId="71" xfId="0" applyBorder="1" applyAlignment="1" applyProtection="1">
      <alignment vertical="center"/>
      <protection locked="0"/>
    </xf>
    <xf numFmtId="0" fontId="0" fillId="0" borderId="72" xfId="0" applyBorder="1" applyAlignment="1" applyProtection="1">
      <alignment vertical="center"/>
      <protection locked="0"/>
    </xf>
    <xf numFmtId="0" fontId="0" fillId="0" borderId="72" xfId="0" applyBorder="1" applyAlignment="1">
      <alignment vertical="center"/>
    </xf>
    <xf numFmtId="0" fontId="10" fillId="0" borderId="72" xfId="0" applyFont="1" applyFill="1" applyBorder="1" applyAlignment="1" applyProtection="1">
      <alignment vertical="center"/>
      <protection locked="0"/>
    </xf>
    <xf numFmtId="0" fontId="0" fillId="0" borderId="73" xfId="0" applyBorder="1" applyAlignment="1">
      <alignment vertical="center"/>
    </xf>
    <xf numFmtId="0" fontId="13" fillId="10" borderId="0" xfId="0" applyFont="1" applyFill="1" applyBorder="1" applyAlignment="1" applyProtection="1">
      <alignment vertical="center"/>
      <protection locked="0"/>
    </xf>
    <xf numFmtId="0" fontId="15" fillId="10" borderId="0" xfId="0" applyFont="1" applyFill="1" applyBorder="1" applyAlignment="1">
      <alignment vertical="center"/>
    </xf>
    <xf numFmtId="0" fontId="2" fillId="0" borderId="0" xfId="0" applyFont="1" applyAlignment="1">
      <alignment horizontal="center"/>
    </xf>
    <xf numFmtId="0" fontId="10" fillId="4" borderId="0" xfId="0" applyFont="1" applyFill="1" applyBorder="1" applyAlignment="1" applyProtection="1">
      <alignment horizontal="right" vertical="center"/>
      <protection locked="0"/>
    </xf>
    <xf numFmtId="0" fontId="0" fillId="0" borderId="0" xfId="0" applyBorder="1" applyAlignment="1" applyProtection="1">
      <alignment horizontal="right" vertical="center"/>
      <protection locked="0"/>
    </xf>
    <xf numFmtId="0" fontId="10" fillId="0" borderId="0" xfId="0" applyFont="1" applyFill="1" applyBorder="1" applyAlignment="1" applyProtection="1">
      <alignment horizontal="center" vertical="center"/>
      <protection locked="0"/>
    </xf>
    <xf numFmtId="0" fontId="0" fillId="0" borderId="69" xfId="0" applyFill="1" applyBorder="1" applyAlignment="1" applyProtection="1">
      <alignment vertical="center"/>
      <protection locked="0"/>
    </xf>
    <xf numFmtId="0" fontId="0" fillId="0" borderId="0" xfId="0" applyFill="1" applyBorder="1" applyAlignment="1" applyProtection="1">
      <alignment vertical="center"/>
      <protection locked="0"/>
    </xf>
    <xf numFmtId="0" fontId="0" fillId="0" borderId="47" xfId="0" applyBorder="1" applyAlignment="1">
      <alignment horizontal="right" vertical="center"/>
    </xf>
    <xf numFmtId="0" fontId="10" fillId="4" borderId="56" xfId="0" applyFont="1" applyFill="1" applyBorder="1" applyAlignment="1">
      <alignment horizontal="center" vertical="center"/>
    </xf>
    <xf numFmtId="0" fontId="0" fillId="0" borderId="56" xfId="0" applyBorder="1" applyAlignment="1">
      <alignment vertical="center"/>
    </xf>
    <xf numFmtId="0" fontId="0" fillId="0" borderId="57" xfId="0" applyBorder="1" applyAlignment="1" applyProtection="1">
      <alignment vertical="center"/>
      <protection locked="0"/>
    </xf>
    <xf numFmtId="0" fontId="0" fillId="0" borderId="61" xfId="0" applyBorder="1" applyAlignment="1" applyProtection="1">
      <alignment vertical="center"/>
      <protection locked="0"/>
    </xf>
    <xf numFmtId="0" fontId="0" fillId="0" borderId="62" xfId="0" applyBorder="1" applyAlignment="1" applyProtection="1">
      <alignment vertical="center"/>
      <protection locked="0"/>
    </xf>
    <xf numFmtId="0" fontId="0" fillId="0" borderId="62" xfId="0" applyFont="1" applyFill="1" applyBorder="1" applyAlignment="1" applyProtection="1">
      <alignment vertical="center" wrapText="1"/>
      <protection locked="0"/>
    </xf>
    <xf numFmtId="0" fontId="0" fillId="0" borderId="61" xfId="0" applyBorder="1" applyAlignment="1">
      <alignment vertical="center"/>
    </xf>
    <xf numFmtId="0" fontId="0" fillId="0" borderId="62" xfId="0" applyBorder="1" applyAlignment="1">
      <alignment vertical="center"/>
    </xf>
    <xf numFmtId="0" fontId="0" fillId="0" borderId="75" xfId="0" applyBorder="1" applyAlignment="1">
      <alignment vertical="center"/>
    </xf>
    <xf numFmtId="166" fontId="0" fillId="0" borderId="0" xfId="0" applyNumberFormat="1" applyBorder="1" applyAlignment="1">
      <alignment horizontal="center" vertical="center" shrinkToFit="1"/>
    </xf>
    <xf numFmtId="0" fontId="0" fillId="0" borderId="4" xfId="0" applyFont="1" applyFill="1" applyBorder="1" applyAlignment="1" applyProtection="1">
      <alignment vertical="center" wrapText="1"/>
      <protection locked="0"/>
    </xf>
    <xf numFmtId="0" fontId="0" fillId="0" borderId="0" xfId="0" applyFont="1" applyFill="1" applyBorder="1" applyAlignment="1" applyProtection="1">
      <alignment vertical="center" shrinkToFit="1"/>
      <protection locked="0"/>
    </xf>
    <xf numFmtId="0" fontId="10" fillId="4" borderId="0" xfId="0" applyFont="1" applyFill="1" applyBorder="1" applyAlignment="1">
      <alignment horizontal="center" vertical="center"/>
    </xf>
    <xf numFmtId="0" fontId="10" fillId="4" borderId="22" xfId="0" applyFont="1" applyFill="1" applyBorder="1" applyAlignment="1">
      <alignment horizontal="center" vertical="center"/>
    </xf>
    <xf numFmtId="0" fontId="10" fillId="0" borderId="31" xfId="0" applyFont="1" applyFill="1" applyBorder="1" applyAlignment="1" applyProtection="1">
      <alignment horizontal="center" vertical="center"/>
      <protection locked="0"/>
    </xf>
    <xf numFmtId="0" fontId="10" fillId="0" borderId="4" xfId="0" applyFont="1" applyFill="1" applyBorder="1" applyAlignment="1" applyProtection="1">
      <alignment horizontal="center" vertical="center"/>
      <protection locked="0"/>
    </xf>
    <xf numFmtId="0" fontId="10" fillId="0" borderId="32" xfId="0" applyFont="1" applyFill="1" applyBorder="1" applyAlignment="1" applyProtection="1">
      <alignment horizontal="center" vertical="center"/>
      <protection locked="0"/>
    </xf>
    <xf numFmtId="0" fontId="10" fillId="0" borderId="33" xfId="0" applyFont="1" applyFill="1" applyBorder="1" applyAlignment="1" applyProtection="1">
      <alignment horizontal="center" vertical="center"/>
      <protection locked="0"/>
    </xf>
    <xf numFmtId="44" fontId="0" fillId="0" borderId="0" xfId="0" applyNumberFormat="1" applyFont="1" applyFill="1" applyBorder="1" applyAlignment="1" applyProtection="1">
      <alignment vertical="center" shrinkToFit="1"/>
      <protection locked="0"/>
    </xf>
    <xf numFmtId="44" fontId="0" fillId="0" borderId="4" xfId="0" applyNumberFormat="1" applyFont="1" applyFill="1" applyBorder="1" applyAlignment="1" applyProtection="1">
      <alignment vertical="center" shrinkToFit="1"/>
      <protection locked="0"/>
    </xf>
    <xf numFmtId="44" fontId="0" fillId="0" borderId="33" xfId="0" applyNumberFormat="1" applyFont="1" applyFill="1" applyBorder="1" applyAlignment="1" applyProtection="1">
      <alignment vertical="center" shrinkToFit="1"/>
      <protection locked="0"/>
    </xf>
    <xf numFmtId="44" fontId="0" fillId="0" borderId="34" xfId="0" applyNumberFormat="1" applyFont="1" applyFill="1" applyBorder="1" applyAlignment="1" applyProtection="1">
      <alignment vertical="center" shrinkToFit="1"/>
      <protection locked="0"/>
    </xf>
    <xf numFmtId="0" fontId="2" fillId="0" borderId="1" xfId="0" applyFont="1" applyBorder="1" applyAlignment="1">
      <alignment horizontal="left" vertical="center" wrapText="1"/>
    </xf>
    <xf numFmtId="0" fontId="2" fillId="0" borderId="0" xfId="0" applyFont="1" applyAlignment="1">
      <alignment horizontal="left"/>
    </xf>
    <xf numFmtId="0" fontId="2" fillId="0" borderId="14" xfId="0" applyFont="1" applyBorder="1" applyAlignment="1">
      <alignment horizontal="left" vertical="center" wrapText="1"/>
    </xf>
    <xf numFmtId="44" fontId="0" fillId="0" borderId="0" xfId="0" applyNumberFormat="1" applyFont="1" applyFill="1" applyBorder="1" applyAlignment="1" applyProtection="1">
      <alignment horizontal="left" vertical="center" shrinkToFit="1"/>
      <protection locked="0"/>
    </xf>
    <xf numFmtId="0" fontId="10" fillId="0" borderId="77" xfId="0" applyFont="1" applyFill="1" applyBorder="1" applyAlignment="1" applyProtection="1">
      <alignment vertical="center"/>
      <protection locked="0"/>
    </xf>
    <xf numFmtId="44" fontId="0" fillId="0" borderId="0" xfId="0" applyNumberFormat="1" applyFont="1" applyFill="1" applyBorder="1" applyAlignment="1" applyProtection="1">
      <alignment horizontal="right" vertical="center" shrinkToFit="1"/>
      <protection locked="0"/>
    </xf>
    <xf numFmtId="44" fontId="0" fillId="0" borderId="0" xfId="2" applyFont="1" applyBorder="1" applyAlignment="1">
      <alignment horizontal="right" vertical="center" shrinkToFit="1"/>
    </xf>
    <xf numFmtId="44" fontId="16" fillId="0" borderId="0" xfId="0" applyNumberFormat="1" applyFont="1" applyBorder="1" applyAlignment="1">
      <alignment horizontal="right" vertical="center" shrinkToFit="1"/>
    </xf>
    <xf numFmtId="44" fontId="0" fillId="0" borderId="0" xfId="2" applyFont="1" applyFill="1" applyBorder="1" applyAlignment="1">
      <alignment horizontal="right" vertical="center" shrinkToFit="1"/>
    </xf>
    <xf numFmtId="0" fontId="0" fillId="0" borderId="0" xfId="0" applyAlignment="1">
      <alignment horizontal="right" vertical="center"/>
    </xf>
    <xf numFmtId="0" fontId="10" fillId="0" borderId="0" xfId="0" applyFont="1" applyFill="1" applyBorder="1" applyAlignment="1" applyProtection="1">
      <alignment horizontal="right" vertical="center" wrapText="1"/>
      <protection locked="0"/>
    </xf>
    <xf numFmtId="0" fontId="21" fillId="0" borderId="0" xfId="0" applyFont="1"/>
    <xf numFmtId="0" fontId="21" fillId="0" borderId="0" xfId="0" applyFont="1" applyAlignment="1">
      <alignment horizontal="right"/>
    </xf>
    <xf numFmtId="0" fontId="22" fillId="0" borderId="0" xfId="0" applyFont="1" applyAlignment="1">
      <alignment horizontal="center"/>
    </xf>
    <xf numFmtId="1" fontId="21" fillId="0" borderId="0" xfId="0" applyNumberFormat="1" applyFont="1"/>
    <xf numFmtId="0" fontId="22" fillId="0" borderId="5" xfId="0" applyFont="1" applyBorder="1" applyAlignment="1">
      <alignment horizontal="center"/>
    </xf>
    <xf numFmtId="0" fontId="21" fillId="0" borderId="0" xfId="0" applyFont="1" applyAlignment="1">
      <alignment horizontal="center"/>
    </xf>
    <xf numFmtId="2" fontId="23" fillId="0" borderId="0" xfId="0" applyNumberFormat="1" applyFont="1" applyFill="1"/>
    <xf numFmtId="0" fontId="21" fillId="0" borderId="25" xfId="0" applyFont="1" applyBorder="1"/>
    <xf numFmtId="10" fontId="21" fillId="0" borderId="5" xfId="3" applyNumberFormat="1" applyFont="1" applyFill="1" applyBorder="1"/>
    <xf numFmtId="0" fontId="21" fillId="0" borderId="5" xfId="0" applyFont="1" applyFill="1" applyBorder="1"/>
    <xf numFmtId="0" fontId="21" fillId="0" borderId="0" xfId="0" applyFont="1" applyFill="1"/>
    <xf numFmtId="2" fontId="21" fillId="0" borderId="0" xfId="0" applyNumberFormat="1" applyFont="1"/>
    <xf numFmtId="0" fontId="21" fillId="0" borderId="0" xfId="0" applyFont="1" applyFill="1" applyAlignment="1"/>
    <xf numFmtId="0" fontId="24" fillId="10" borderId="5" xfId="0" applyFont="1" applyFill="1" applyBorder="1" applyAlignment="1">
      <alignment horizontal="center"/>
    </xf>
    <xf numFmtId="0" fontId="22" fillId="4" borderId="5" xfId="0" applyFont="1" applyFill="1" applyBorder="1" applyAlignment="1">
      <alignment horizontal="center"/>
    </xf>
    <xf numFmtId="0" fontId="0" fillId="0" borderId="40" xfId="0" applyBorder="1" applyAlignment="1" applyProtection="1">
      <alignment vertical="center"/>
      <protection locked="0"/>
    </xf>
    <xf numFmtId="0" fontId="0" fillId="0" borderId="46" xfId="0" applyBorder="1" applyAlignment="1" applyProtection="1">
      <alignment vertical="center"/>
      <protection locked="0"/>
    </xf>
    <xf numFmtId="0" fontId="21" fillId="0" borderId="46" xfId="0" applyFont="1" applyFill="1" applyBorder="1"/>
    <xf numFmtId="0" fontId="21" fillId="0" borderId="41" xfId="0" applyFont="1" applyFill="1" applyBorder="1"/>
    <xf numFmtId="0" fontId="21" fillId="0" borderId="0" xfId="0" applyFont="1" applyBorder="1"/>
    <xf numFmtId="0" fontId="21" fillId="0" borderId="43" xfId="0" applyFont="1" applyBorder="1"/>
    <xf numFmtId="0" fontId="0" fillId="0" borderId="47" xfId="0" applyBorder="1" applyAlignment="1" applyProtection="1">
      <alignment vertical="center"/>
      <protection locked="0"/>
    </xf>
    <xf numFmtId="0" fontId="21" fillId="0" borderId="47" xfId="0" applyFont="1" applyBorder="1"/>
    <xf numFmtId="0" fontId="21" fillId="0" borderId="45" xfId="0" applyFont="1" applyBorder="1"/>
    <xf numFmtId="44" fontId="2" fillId="0" borderId="0" xfId="2" applyNumberFormat="1" applyFont="1" applyFill="1" applyBorder="1"/>
    <xf numFmtId="0" fontId="5" fillId="0" borderId="0" xfId="0" applyFont="1" applyBorder="1" applyAlignment="1">
      <alignment horizontal="right"/>
    </xf>
    <xf numFmtId="1" fontId="5" fillId="5" borderId="0" xfId="0" applyNumberFormat="1" applyFont="1" applyFill="1" applyBorder="1" applyAlignment="1">
      <alignment horizontal="center"/>
    </xf>
    <xf numFmtId="44" fontId="2" fillId="0" borderId="41" xfId="2" applyFont="1" applyBorder="1"/>
    <xf numFmtId="44" fontId="2" fillId="0" borderId="45" xfId="2" applyFont="1" applyBorder="1"/>
    <xf numFmtId="0" fontId="5" fillId="0" borderId="78" xfId="0" applyFont="1" applyBorder="1" applyAlignment="1">
      <alignment horizontal="right"/>
    </xf>
    <xf numFmtId="0" fontId="5" fillId="0" borderId="79" xfId="0" applyFont="1" applyBorder="1" applyAlignment="1">
      <alignment horizontal="right"/>
    </xf>
    <xf numFmtId="0" fontId="10" fillId="4" borderId="0" xfId="0" applyFont="1" applyFill="1" applyBorder="1" applyAlignment="1" applyProtection="1">
      <alignment horizontal="right" vertical="center"/>
      <protection locked="0"/>
    </xf>
    <xf numFmtId="0" fontId="10" fillId="0" borderId="22" xfId="0" applyFont="1" applyFill="1" applyBorder="1" applyAlignment="1" applyProtection="1">
      <alignment horizontal="center" vertical="center"/>
      <protection locked="0"/>
    </xf>
    <xf numFmtId="0" fontId="0" fillId="0" borderId="0" xfId="0" applyBorder="1" applyAlignment="1" applyProtection="1">
      <alignment horizontal="right" vertical="center"/>
      <protection locked="0"/>
    </xf>
    <xf numFmtId="0" fontId="2" fillId="0" borderId="1" xfId="0" applyFont="1" applyBorder="1" applyAlignment="1">
      <alignment horizontal="right" vertical="center"/>
    </xf>
    <xf numFmtId="0" fontId="2" fillId="0" borderId="1" xfId="0" applyFont="1" applyBorder="1" applyAlignment="1">
      <alignment horizontal="left" vertical="center"/>
    </xf>
    <xf numFmtId="0" fontId="0" fillId="0" borderId="0" xfId="2" applyNumberFormat="1" applyFont="1" applyFill="1" applyBorder="1" applyAlignment="1">
      <alignment horizontal="left" vertical="center" shrinkToFit="1"/>
    </xf>
    <xf numFmtId="0" fontId="0" fillId="0" borderId="76" xfId="0" applyBorder="1" applyAlignment="1">
      <alignment vertical="center"/>
    </xf>
    <xf numFmtId="0" fontId="0" fillId="0" borderId="41" xfId="0" applyBorder="1" applyAlignment="1" applyProtection="1">
      <alignment vertical="center"/>
      <protection locked="0"/>
    </xf>
    <xf numFmtId="0" fontId="0" fillId="4" borderId="42" xfId="0" applyFill="1" applyBorder="1" applyAlignment="1" applyProtection="1">
      <alignment vertical="center"/>
      <protection locked="0"/>
    </xf>
    <xf numFmtId="0" fontId="0" fillId="0" borderId="43" xfId="0" applyBorder="1" applyAlignment="1" applyProtection="1">
      <alignment vertical="center"/>
      <protection locked="0"/>
    </xf>
    <xf numFmtId="0" fontId="0" fillId="0" borderId="42" xfId="0" applyBorder="1" applyAlignment="1">
      <alignment vertical="center"/>
    </xf>
    <xf numFmtId="0" fontId="0" fillId="0" borderId="43" xfId="0" applyBorder="1" applyAlignment="1">
      <alignment vertical="center"/>
    </xf>
    <xf numFmtId="0" fontId="0" fillId="0" borderId="45" xfId="0" applyBorder="1" applyAlignment="1">
      <alignment vertical="center"/>
    </xf>
    <xf numFmtId="0" fontId="1" fillId="11" borderId="1" xfId="0" applyFont="1" applyFill="1" applyBorder="1" applyAlignment="1">
      <alignment vertical="center" wrapText="1"/>
    </xf>
    <xf numFmtId="0" fontId="1" fillId="0" borderId="1" xfId="0" applyFont="1" applyFill="1" applyBorder="1" applyAlignment="1">
      <alignment vertical="center" wrapText="1"/>
    </xf>
    <xf numFmtId="10" fontId="2" fillId="7" borderId="0" xfId="0" applyNumberFormat="1" applyFont="1" applyFill="1" applyAlignment="1">
      <alignment horizontal="center"/>
    </xf>
    <xf numFmtId="44" fontId="2" fillId="7" borderId="0" xfId="0" applyNumberFormat="1" applyFont="1" applyFill="1"/>
    <xf numFmtId="0" fontId="1" fillId="0" borderId="1" xfId="0" applyFont="1" applyBorder="1" applyAlignment="1">
      <alignment horizontal="left" vertical="center" wrapText="1"/>
    </xf>
    <xf numFmtId="167" fontId="1" fillId="0" borderId="1" xfId="0" applyNumberFormat="1" applyFont="1" applyBorder="1" applyAlignment="1">
      <alignment horizontal="center" vertical="center" wrapText="1"/>
    </xf>
    <xf numFmtId="167" fontId="1" fillId="0" borderId="1" xfId="0" applyNumberFormat="1" applyFont="1" applyBorder="1" applyAlignment="1">
      <alignment vertical="center" wrapText="1"/>
    </xf>
    <xf numFmtId="167" fontId="2" fillId="0" borderId="0" xfId="0" applyNumberFormat="1" applyFont="1"/>
    <xf numFmtId="167" fontId="6" fillId="2" borderId="0" xfId="0" applyNumberFormat="1" applyFont="1" applyFill="1" applyBorder="1" applyAlignment="1">
      <alignment horizontal="left"/>
    </xf>
    <xf numFmtId="0" fontId="2" fillId="0" borderId="22" xfId="0" applyFont="1" applyBorder="1" applyAlignment="1">
      <alignment horizontal="center"/>
    </xf>
    <xf numFmtId="0" fontId="5" fillId="4" borderId="12" xfId="0" applyFont="1" applyFill="1" applyBorder="1" applyAlignment="1">
      <alignment horizontal="center"/>
    </xf>
    <xf numFmtId="0" fontId="5" fillId="4" borderId="13" xfId="0" applyFont="1" applyFill="1" applyBorder="1" applyAlignment="1">
      <alignment horizontal="center"/>
    </xf>
    <xf numFmtId="164" fontId="0" fillId="0" borderId="47" xfId="0" applyNumberFormat="1" applyBorder="1" applyAlignment="1">
      <alignment horizontal="center" vertical="center"/>
    </xf>
    <xf numFmtId="0" fontId="24" fillId="10" borderId="26" xfId="0" applyFont="1" applyFill="1" applyBorder="1" applyAlignment="1">
      <alignment horizontal="center" vertical="center" textRotation="90"/>
    </xf>
    <xf numFmtId="0" fontId="24" fillId="10" borderId="27" xfId="0" applyFont="1" applyFill="1" applyBorder="1" applyAlignment="1">
      <alignment horizontal="center" vertical="center" textRotation="90"/>
    </xf>
    <xf numFmtId="0" fontId="24" fillId="10" borderId="28" xfId="0" applyFont="1" applyFill="1" applyBorder="1" applyAlignment="1">
      <alignment horizontal="center" vertical="center" textRotation="90"/>
    </xf>
    <xf numFmtId="0" fontId="24" fillId="10" borderId="5" xfId="0" applyFont="1" applyFill="1" applyBorder="1" applyAlignment="1">
      <alignment horizontal="center"/>
    </xf>
    <xf numFmtId="0" fontId="22" fillId="0" borderId="5" xfId="0" applyFont="1" applyBorder="1" applyAlignment="1">
      <alignment horizontal="center"/>
    </xf>
    <xf numFmtId="0" fontId="10" fillId="4" borderId="0" xfId="0" applyFont="1" applyFill="1" applyBorder="1" applyAlignment="1" applyProtection="1">
      <alignment horizontal="right" vertical="center"/>
      <protection locked="0"/>
    </xf>
    <xf numFmtId="0" fontId="0" fillId="0" borderId="0" xfId="0" applyFont="1" applyFill="1" applyBorder="1" applyAlignment="1" applyProtection="1">
      <alignment horizontal="left" vertical="center" shrinkToFit="1"/>
      <protection locked="0"/>
    </xf>
    <xf numFmtId="0" fontId="0" fillId="0" borderId="43" xfId="0" applyFont="1" applyFill="1" applyBorder="1" applyAlignment="1" applyProtection="1">
      <alignment horizontal="left" vertical="center" shrinkToFit="1"/>
      <protection locked="0"/>
    </xf>
    <xf numFmtId="0" fontId="25" fillId="10" borderId="0" xfId="0" applyFont="1" applyFill="1" applyAlignment="1">
      <alignment horizontal="center"/>
    </xf>
    <xf numFmtId="0" fontId="0" fillId="0" borderId="0" xfId="0" applyFont="1" applyFill="1" applyBorder="1" applyAlignment="1" applyProtection="1">
      <alignment horizontal="left" vertical="center" wrapText="1"/>
      <protection locked="0"/>
    </xf>
    <xf numFmtId="0" fontId="0" fillId="0" borderId="43" xfId="0" applyFont="1" applyFill="1" applyBorder="1" applyAlignment="1" applyProtection="1">
      <alignment horizontal="left" vertical="center" wrapText="1"/>
      <protection locked="0"/>
    </xf>
    <xf numFmtId="0" fontId="10" fillId="9" borderId="0" xfId="0" applyFont="1" applyFill="1" applyBorder="1" applyAlignment="1" applyProtection="1">
      <alignment horizontal="center" vertical="center"/>
      <protection locked="0"/>
    </xf>
    <xf numFmtId="164" fontId="12" fillId="9" borderId="0" xfId="0" applyNumberFormat="1" applyFont="1" applyFill="1" applyBorder="1" applyAlignment="1" applyProtection="1">
      <alignment horizontal="center" vertical="center"/>
      <protection locked="0"/>
    </xf>
    <xf numFmtId="0" fontId="0" fillId="0" borderId="0" xfId="0" applyBorder="1" applyAlignment="1" applyProtection="1">
      <alignment horizontal="center" vertical="center"/>
      <protection locked="0"/>
    </xf>
    <xf numFmtId="44" fontId="0" fillId="0" borderId="23" xfId="0" applyNumberFormat="1" applyFont="1" applyFill="1" applyBorder="1" applyAlignment="1" applyProtection="1">
      <alignment horizontal="center" vertical="center" shrinkToFit="1"/>
      <protection locked="0"/>
    </xf>
    <xf numFmtId="44" fontId="0" fillId="0" borderId="36" xfId="0" applyNumberFormat="1" applyFont="1" applyFill="1" applyBorder="1" applyAlignment="1" applyProtection="1">
      <alignment horizontal="center" vertical="center" shrinkToFit="1"/>
      <protection locked="0"/>
    </xf>
    <xf numFmtId="44" fontId="0" fillId="0" borderId="37" xfId="0" applyNumberFormat="1" applyFont="1" applyFill="1" applyBorder="1" applyAlignment="1" applyProtection="1">
      <alignment horizontal="center" vertical="center" shrinkToFit="1"/>
      <protection locked="0"/>
    </xf>
    <xf numFmtId="44" fontId="0" fillId="0" borderId="39" xfId="0" applyNumberFormat="1" applyFont="1" applyFill="1" applyBorder="1" applyAlignment="1" applyProtection="1">
      <alignment horizontal="center" vertical="center" shrinkToFit="1"/>
      <protection locked="0"/>
    </xf>
    <xf numFmtId="164" fontId="10" fillId="0" borderId="59" xfId="0" applyNumberFormat="1" applyFont="1" applyBorder="1" applyAlignment="1">
      <alignment horizontal="center" vertical="center"/>
    </xf>
    <xf numFmtId="0" fontId="0" fillId="0" borderId="0" xfId="0" applyBorder="1" applyAlignment="1" applyProtection="1">
      <alignment horizontal="right" vertical="center"/>
      <protection locked="0"/>
    </xf>
    <xf numFmtId="0" fontId="17" fillId="4" borderId="63" xfId="0" applyFont="1" applyFill="1" applyBorder="1" applyAlignment="1" applyProtection="1">
      <alignment horizontal="center" vertical="center" shrinkToFit="1"/>
      <protection locked="0"/>
    </xf>
    <xf numFmtId="0" fontId="17" fillId="4" borderId="64" xfId="0" applyFont="1" applyFill="1" applyBorder="1" applyAlignment="1" applyProtection="1">
      <alignment horizontal="center" vertical="center" shrinkToFit="1"/>
      <protection locked="0"/>
    </xf>
    <xf numFmtId="0" fontId="17" fillId="4" borderId="65" xfId="0" applyFont="1" applyFill="1" applyBorder="1" applyAlignment="1" applyProtection="1">
      <alignment horizontal="center" vertical="center" shrinkToFit="1"/>
      <protection locked="0"/>
    </xf>
    <xf numFmtId="0" fontId="0" fillId="0" borderId="0" xfId="2" applyNumberFormat="1" applyFont="1" applyFill="1" applyBorder="1" applyAlignment="1">
      <alignment horizontal="left" vertical="center" shrinkToFit="1"/>
    </xf>
    <xf numFmtId="0" fontId="10" fillId="4" borderId="48" xfId="0" applyFont="1" applyFill="1" applyBorder="1" applyAlignment="1">
      <alignment horizontal="center" vertical="center"/>
    </xf>
    <xf numFmtId="0" fontId="10" fillId="4" borderId="49" xfId="0" applyFont="1" applyFill="1" applyBorder="1" applyAlignment="1">
      <alignment horizontal="center" vertical="center"/>
    </xf>
    <xf numFmtId="0" fontId="10" fillId="4" borderId="55" xfId="0" applyFont="1" applyFill="1" applyBorder="1" applyAlignment="1" applyProtection="1">
      <alignment horizontal="center" vertical="center"/>
      <protection locked="0"/>
    </xf>
    <xf numFmtId="0" fontId="10" fillId="4" borderId="56" xfId="0" applyFont="1" applyFill="1" applyBorder="1" applyAlignment="1" applyProtection="1">
      <alignment horizontal="center" vertical="center"/>
      <protection locked="0"/>
    </xf>
    <xf numFmtId="0" fontId="14" fillId="10" borderId="0" xfId="0" applyFont="1" applyFill="1" applyBorder="1" applyAlignment="1" applyProtection="1">
      <alignment horizontal="center" vertical="center"/>
      <protection locked="0"/>
    </xf>
    <xf numFmtId="0" fontId="10" fillId="4" borderId="74" xfId="0" applyFont="1" applyFill="1" applyBorder="1" applyAlignment="1" applyProtection="1">
      <alignment horizontal="center" vertical="center"/>
      <protection locked="0"/>
    </xf>
    <xf numFmtId="0" fontId="10" fillId="4" borderId="48" xfId="0" applyFont="1" applyFill="1" applyBorder="1" applyAlignment="1" applyProtection="1">
      <alignment horizontal="center" vertical="center"/>
      <protection locked="0"/>
    </xf>
    <xf numFmtId="0" fontId="0" fillId="0" borderId="4" xfId="0" applyFont="1" applyFill="1" applyBorder="1" applyAlignment="1" applyProtection="1">
      <alignment horizontal="left" vertical="center" wrapText="1"/>
      <protection locked="0"/>
    </xf>
    <xf numFmtId="0" fontId="10" fillId="4" borderId="29" xfId="0" applyFont="1" applyFill="1" applyBorder="1" applyAlignment="1" applyProtection="1">
      <alignment horizontal="center" vertical="center"/>
      <protection locked="0"/>
    </xf>
    <xf numFmtId="0" fontId="10" fillId="4" borderId="22" xfId="0" applyFont="1" applyFill="1" applyBorder="1" applyAlignment="1" applyProtection="1">
      <alignment horizontal="center" vertical="center"/>
      <protection locked="0"/>
    </xf>
    <xf numFmtId="0" fontId="18" fillId="0" borderId="0" xfId="0" applyFont="1" applyBorder="1" applyAlignment="1">
      <alignment horizontal="left" vertical="center" wrapText="1"/>
    </xf>
    <xf numFmtId="0" fontId="18" fillId="0" borderId="0" xfId="0" applyFont="1" applyBorder="1" applyAlignment="1">
      <alignment horizontal="left" vertical="center"/>
    </xf>
    <xf numFmtId="0" fontId="10" fillId="4" borderId="38" xfId="0" applyFont="1" applyFill="1" applyBorder="1" applyAlignment="1" applyProtection="1">
      <alignment horizontal="center" vertical="center"/>
      <protection locked="0"/>
    </xf>
    <xf numFmtId="0" fontId="10" fillId="0" borderId="55" xfId="0" applyFont="1" applyFill="1" applyBorder="1" applyAlignment="1" applyProtection="1">
      <alignment horizontal="center" vertical="center" shrinkToFit="1"/>
      <protection locked="0"/>
    </xf>
    <xf numFmtId="0" fontId="10" fillId="0" borderId="56" xfId="0" applyFont="1" applyFill="1" applyBorder="1" applyAlignment="1" applyProtection="1">
      <alignment horizontal="center" vertical="center" shrinkToFit="1"/>
      <protection locked="0"/>
    </xf>
    <xf numFmtId="0" fontId="10" fillId="0" borderId="57" xfId="0" applyFont="1" applyFill="1" applyBorder="1" applyAlignment="1" applyProtection="1">
      <alignment horizontal="center" vertical="center" shrinkToFit="1"/>
      <protection locked="0"/>
    </xf>
    <xf numFmtId="0" fontId="10" fillId="0" borderId="61" xfId="0" applyFont="1" applyFill="1" applyBorder="1" applyAlignment="1" applyProtection="1">
      <alignment horizontal="center" vertical="center" shrinkToFit="1"/>
      <protection locked="0"/>
    </xf>
    <xf numFmtId="0" fontId="10" fillId="0" borderId="0" xfId="0" applyFont="1" applyFill="1" applyBorder="1" applyAlignment="1" applyProtection="1">
      <alignment horizontal="center" vertical="center" shrinkToFit="1"/>
      <protection locked="0"/>
    </xf>
    <xf numFmtId="0" fontId="10" fillId="0" borderId="62" xfId="0" applyFont="1" applyFill="1" applyBorder="1" applyAlignment="1" applyProtection="1">
      <alignment horizontal="center" vertical="center" shrinkToFit="1"/>
      <protection locked="0"/>
    </xf>
    <xf numFmtId="0" fontId="10" fillId="0" borderId="58" xfId="0" applyFont="1" applyFill="1" applyBorder="1" applyAlignment="1" applyProtection="1">
      <alignment horizontal="center" vertical="center" shrinkToFit="1"/>
      <protection locked="0"/>
    </xf>
    <xf numFmtId="0" fontId="10" fillId="0" borderId="59" xfId="0" applyFont="1" applyFill="1" applyBorder="1" applyAlignment="1" applyProtection="1">
      <alignment horizontal="center" vertical="center" shrinkToFit="1"/>
      <protection locked="0"/>
    </xf>
    <xf numFmtId="0" fontId="10" fillId="0" borderId="60" xfId="0" applyFont="1" applyFill="1" applyBorder="1" applyAlignment="1" applyProtection="1">
      <alignment horizontal="center" vertical="center" shrinkToFit="1"/>
      <protection locked="0"/>
    </xf>
    <xf numFmtId="164" fontId="0" fillId="0" borderId="0" xfId="0" applyNumberFormat="1" applyAlignment="1">
      <alignment horizontal="left"/>
    </xf>
  </cellXfs>
  <cellStyles count="4">
    <cellStyle name="Millares" xfId="1" builtinId="3"/>
    <cellStyle name="Moneda" xfId="2" builtinId="4"/>
    <cellStyle name="Normal" xfId="0" builtinId="0"/>
    <cellStyle name="Porcentaje" xfId="3" builtinId="5"/>
  </cellStyles>
  <dxfs count="5">
    <dxf>
      <font>
        <color theme="0"/>
      </font>
    </dxf>
    <dxf>
      <font>
        <color rgb="FFCCFFCC"/>
      </font>
      <fill>
        <patternFill>
          <bgColor rgb="FFCCFFCC"/>
        </patternFill>
      </fill>
    </dxf>
    <dxf>
      <font>
        <color theme="0"/>
      </font>
    </dxf>
    <dxf>
      <font>
        <color theme="0"/>
      </font>
    </dxf>
    <dxf>
      <font>
        <color rgb="FFCCFFCC"/>
      </font>
      <fill>
        <patternFill>
          <bgColor rgb="FFCCFFCC"/>
        </patternFill>
      </fill>
    </dxf>
  </dxfs>
  <tableStyles count="0" defaultTableStyle="TableStyleMedium2" defaultPivotStyle="PivotStyleLight16"/>
  <colors>
    <mruColors>
      <color rgb="FFCCFFCC"/>
      <color rgb="FFCC0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microsoft.com/office/2006/relationships/vbaProject" Target="vbaProject.bin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sv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5" Type="http://schemas.openxmlformats.org/officeDocument/2006/relationships/image" Target="../media/image5.sv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075</xdr:colOff>
      <xdr:row>0</xdr:row>
      <xdr:rowOff>32893</xdr:rowOff>
    </xdr:from>
    <xdr:to>
      <xdr:col>3</xdr:col>
      <xdr:colOff>7977</xdr:colOff>
      <xdr:row>3</xdr:row>
      <xdr:rowOff>47627</xdr:rowOff>
    </xdr:to>
    <xdr:pic>
      <xdr:nvPicPr>
        <xdr:cNvPr id="6" name="Imagen 5">
          <a:extLst>
            <a:ext uri="{FF2B5EF4-FFF2-40B4-BE49-F238E27FC236}">
              <a16:creationId xmlns:a16="http://schemas.microsoft.com/office/drawing/2014/main" id="{138851AB-E243-48DE-891E-23B73DD8F9E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075" y="32893"/>
          <a:ext cx="2284902" cy="538609"/>
        </a:xfrm>
        <a:prstGeom prst="rect">
          <a:avLst/>
        </a:prstGeom>
      </xdr:spPr>
    </xdr:pic>
    <xdr:clientData/>
  </xdr:twoCellAnchor>
  <xdr:twoCellAnchor>
    <xdr:from>
      <xdr:col>1</xdr:col>
      <xdr:colOff>627060</xdr:colOff>
      <xdr:row>5</xdr:row>
      <xdr:rowOff>127000</xdr:rowOff>
    </xdr:from>
    <xdr:to>
      <xdr:col>4</xdr:col>
      <xdr:colOff>563563</xdr:colOff>
      <xdr:row>18</xdr:row>
      <xdr:rowOff>79375</xdr:rowOff>
    </xdr:to>
    <xdr:grpSp>
      <xdr:nvGrpSpPr>
        <xdr:cNvPr id="13" name="Grupo 12">
          <a:extLst>
            <a:ext uri="{FF2B5EF4-FFF2-40B4-BE49-F238E27FC236}">
              <a16:creationId xmlns:a16="http://schemas.microsoft.com/office/drawing/2014/main" id="{AFE0F515-8016-4AD3-89B0-8447AE3DFEB3}"/>
            </a:ext>
          </a:extLst>
        </xdr:cNvPr>
        <xdr:cNvGrpSpPr/>
      </xdr:nvGrpSpPr>
      <xdr:grpSpPr>
        <a:xfrm>
          <a:off x="1389060" y="1000125"/>
          <a:ext cx="2222503" cy="2222500"/>
          <a:chOff x="3833810" y="1063624"/>
          <a:chExt cx="2357438" cy="2357438"/>
        </a:xfrm>
      </xdr:grpSpPr>
      <xdr:pic macro="[0]!mostrarcuestionario">
        <xdr:nvPicPr>
          <xdr:cNvPr id="12" name="Gráfico 11" descr="Lupa con relleno sólido">
            <a:extLst>
              <a:ext uri="{FF2B5EF4-FFF2-40B4-BE49-F238E27FC236}">
                <a16:creationId xmlns:a16="http://schemas.microsoft.com/office/drawing/2014/main" id="{7038D89E-5C76-477A-9C0B-89D36527B80F}"/>
              </a:ext>
            </a:extLst>
          </xdr:cNvPr>
          <xdr:cNvPicPr>
            <a:picLocks noChangeAspect="1"/>
          </xdr:cNvPicPr>
        </xdr:nvPicPr>
        <xdr:blipFill>
          <a:blip xmlns:r="http://schemas.openxmlformats.org/officeDocument/2006/relationships"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xdr:blipFill>
        <xdr:spPr>
          <a:xfrm>
            <a:off x="3833810" y="1063624"/>
            <a:ext cx="2357438" cy="2357438"/>
          </a:xfrm>
          <a:prstGeom prst="rect">
            <a:avLst/>
          </a:prstGeom>
        </xdr:spPr>
      </xdr:pic>
      <xdr:pic macro="[0]!mostrarcuestionario">
        <xdr:nvPicPr>
          <xdr:cNvPr id="10" name="Gráfico 9" descr="Home outline">
            <a:extLst>
              <a:ext uri="{FF2B5EF4-FFF2-40B4-BE49-F238E27FC236}">
                <a16:creationId xmlns:a16="http://schemas.microsoft.com/office/drawing/2014/main" id="{8BDEA9E7-C4F7-40BE-8C10-F37F4D59CFF1}"/>
              </a:ext>
            </a:extLst>
          </xdr:cNvPr>
          <xdr:cNvPicPr>
            <a:picLocks noChangeAspect="1"/>
          </xdr:cNvPicPr>
        </xdr:nvPicPr>
        <xdr:blipFill>
          <a:blip xmlns:r="http://schemas.openxmlformats.org/officeDocument/2006/relationships"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xdr:blipFill>
        <xdr:spPr>
          <a:xfrm>
            <a:off x="4318000" y="1484313"/>
            <a:ext cx="914400" cy="914400"/>
          </a:xfrm>
          <a:prstGeom prst="rect">
            <a:avLst/>
          </a:prstGeom>
        </xdr:spPr>
      </xdr:pic>
    </xdr:grp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B96EA0-422B-4B32-BE28-CCC6E5164761}">
  <sheetPr codeName="registroinf"/>
  <dimension ref="B1:AW96"/>
  <sheetViews>
    <sheetView showGridLines="0" zoomScale="85" zoomScaleNormal="85" workbookViewId="0">
      <selection activeCell="C6" sqref="C6"/>
    </sheetView>
  </sheetViews>
  <sheetFormatPr baseColWidth="10" defaultColWidth="11.453125" defaultRowHeight="12" x14ac:dyDescent="0.35"/>
  <cols>
    <col min="1" max="1" width="2.26953125" style="1" customWidth="1"/>
    <col min="2" max="2" width="27" style="22" bestFit="1" customWidth="1"/>
    <col min="3" max="8" width="12.81640625" style="8" customWidth="1"/>
    <col min="9" max="9" width="5.90625" style="8" customWidth="1"/>
    <col min="10" max="10" width="2.26953125" style="1" customWidth="1"/>
    <col min="11" max="11" width="44.08984375" style="22" bestFit="1" customWidth="1"/>
    <col min="12" max="12" width="12.81640625" style="8" customWidth="1"/>
    <col min="13" max="14" width="5.90625" style="8" customWidth="1"/>
    <col min="15" max="15" width="2.26953125" style="8" customWidth="1"/>
    <col min="16" max="16" width="22.90625" style="1" bestFit="1" customWidth="1"/>
    <col min="17" max="17" width="5.90625" style="1" customWidth="1"/>
    <col min="18" max="18" width="2.26953125" style="1" customWidth="1"/>
    <col min="19" max="19" width="23.36328125" style="1" bestFit="1" customWidth="1"/>
    <col min="20" max="20" width="13.36328125" style="1" bestFit="1" customWidth="1"/>
    <col min="21" max="21" width="5.6328125" style="1" bestFit="1" customWidth="1"/>
    <col min="22" max="22" width="13.1796875" style="1" customWidth="1"/>
    <col min="23" max="23" width="20.36328125" style="1" customWidth="1"/>
    <col min="24" max="24" width="11.6328125" style="1" customWidth="1"/>
    <col min="25" max="25" width="1.26953125" style="1" customWidth="1"/>
    <col min="26" max="27" width="11.453125" style="1" customWidth="1"/>
    <col min="28" max="28" width="1.26953125" style="1" customWidth="1"/>
    <col min="29" max="30" width="11.453125" style="1" customWidth="1"/>
    <col min="31" max="31" width="1.26953125" style="1" customWidth="1"/>
    <col min="32" max="33" width="11.453125" style="1" customWidth="1"/>
    <col min="34" max="34" width="1.26953125" style="1" customWidth="1"/>
    <col min="35" max="36" width="11.453125" style="1" customWidth="1"/>
    <col min="37" max="37" width="1.26953125" style="1" customWidth="1"/>
    <col min="38" max="39" width="11.453125" style="1"/>
    <col min="40" max="40" width="1.26953125" style="1" customWidth="1"/>
    <col min="41" max="42" width="11.453125" style="1"/>
    <col min="43" max="43" width="1.26953125" style="1" customWidth="1"/>
    <col min="44" max="45" width="11.453125" style="1"/>
    <col min="46" max="46" width="1.26953125" style="1" customWidth="1"/>
    <col min="47" max="48" width="11.453125" style="1"/>
    <col min="49" max="49" width="1.26953125" style="1" customWidth="1"/>
    <col min="50" max="16384" width="11.453125" style="1"/>
  </cols>
  <sheetData>
    <row r="1" spans="2:49" x14ac:dyDescent="0.35">
      <c r="B1" s="69" t="s">
        <v>2336</v>
      </c>
      <c r="C1" s="87" t="s">
        <v>2746</v>
      </c>
      <c r="D1" s="88"/>
      <c r="E1" s="89" t="s">
        <v>2458</v>
      </c>
      <c r="F1" s="85">
        <f>+W32</f>
        <v>0</v>
      </c>
    </row>
    <row r="2" spans="2:49" x14ac:dyDescent="0.35">
      <c r="B2" s="69" t="s">
        <v>2335</v>
      </c>
      <c r="C2" s="87" t="s">
        <v>2740</v>
      </c>
      <c r="D2" s="88"/>
      <c r="E2" s="89" t="s">
        <v>2459</v>
      </c>
      <c r="F2" s="85">
        <f>+W31</f>
        <v>0</v>
      </c>
    </row>
    <row r="3" spans="2:49" x14ac:dyDescent="0.35">
      <c r="B3" s="69" t="s">
        <v>2337</v>
      </c>
      <c r="C3" s="90" t="s">
        <v>2724</v>
      </c>
      <c r="D3" s="88"/>
      <c r="E3" s="89" t="s">
        <v>2456</v>
      </c>
      <c r="F3" s="93" t="s">
        <v>2741</v>
      </c>
    </row>
    <row r="4" spans="2:49" x14ac:dyDescent="0.35">
      <c r="B4" s="69" t="s">
        <v>0</v>
      </c>
      <c r="C4" s="87" t="s">
        <v>176</v>
      </c>
      <c r="D4" s="88"/>
      <c r="E4" s="89" t="s">
        <v>2460</v>
      </c>
      <c r="F4" s="85">
        <f>+F1+F3</f>
        <v>500000</v>
      </c>
      <c r="G4" s="68"/>
    </row>
    <row r="5" spans="2:49" x14ac:dyDescent="0.35">
      <c r="B5" s="69" t="s">
        <v>1</v>
      </c>
      <c r="C5" s="87" t="s">
        <v>281</v>
      </c>
      <c r="D5" s="88"/>
      <c r="E5" s="89" t="s">
        <v>2457</v>
      </c>
      <c r="F5" s="91">
        <v>11000</v>
      </c>
      <c r="W5" s="263" t="s">
        <v>2703</v>
      </c>
      <c r="X5" s="261">
        <f>+X6*X7</f>
        <v>3600000</v>
      </c>
    </row>
    <row r="6" spans="2:49" x14ac:dyDescent="0.35">
      <c r="B6" s="69" t="s">
        <v>2367</v>
      </c>
      <c r="C6" s="286">
        <f>+Filtro_Edo_Mpios!K2</f>
        <v>0</v>
      </c>
      <c r="D6" s="88"/>
      <c r="E6" s="92"/>
      <c r="F6" s="88"/>
      <c r="W6" s="264" t="s">
        <v>2702</v>
      </c>
      <c r="X6" s="262">
        <f>+IF($T$7="A",Z24,IF($T$7="B",AC24,IF($T$7="C",AF24,IF($T$7="D",AI24,IF($T$7="E",AL24,IF($T$7="F",AO24,IF($T$7="G",AR24,IF($T$7="H",AU24))))))))</f>
        <v>18000</v>
      </c>
    </row>
    <row r="7" spans="2:49" x14ac:dyDescent="0.35">
      <c r="S7" s="97" t="s">
        <v>2461</v>
      </c>
      <c r="T7" s="260" t="s">
        <v>2350</v>
      </c>
      <c r="U7" s="98"/>
      <c r="V7" s="98"/>
      <c r="W7" s="259" t="s">
        <v>2443</v>
      </c>
      <c r="X7" s="260" t="str">
        <f>+C3</f>
        <v>200</v>
      </c>
      <c r="Y7" s="98"/>
      <c r="Z7" s="287" t="s">
        <v>2347</v>
      </c>
      <c r="AA7" s="287"/>
      <c r="AB7" s="98"/>
      <c r="AC7" s="287" t="s">
        <v>2348</v>
      </c>
      <c r="AD7" s="287"/>
      <c r="AE7" s="98"/>
      <c r="AF7" s="287" t="s">
        <v>2349</v>
      </c>
      <c r="AG7" s="287"/>
      <c r="AH7" s="98"/>
      <c r="AI7" s="287" t="s">
        <v>2350</v>
      </c>
      <c r="AJ7" s="287"/>
      <c r="AK7" s="98"/>
      <c r="AL7" s="287" t="s">
        <v>2351</v>
      </c>
      <c r="AM7" s="287"/>
      <c r="AN7" s="98"/>
      <c r="AO7" s="287" t="s">
        <v>2482</v>
      </c>
      <c r="AP7" s="287"/>
      <c r="AQ7" s="98"/>
      <c r="AR7" s="287" t="s">
        <v>2483</v>
      </c>
      <c r="AS7" s="287"/>
      <c r="AT7" s="98"/>
      <c r="AU7" s="287" t="s">
        <v>2484</v>
      </c>
      <c r="AV7" s="287"/>
      <c r="AW7" s="99"/>
    </row>
    <row r="8" spans="2:49" ht="14.5" customHeight="1" x14ac:dyDescent="0.35">
      <c r="B8" s="6" t="s">
        <v>2368</v>
      </c>
      <c r="C8" s="81"/>
      <c r="D8" s="7"/>
      <c r="E8" s="7"/>
      <c r="F8" s="7"/>
      <c r="G8" s="7"/>
      <c r="H8" s="7"/>
      <c r="I8" s="84"/>
      <c r="J8" s="40"/>
      <c r="K8" s="41" t="s">
        <v>2369</v>
      </c>
      <c r="L8" s="42"/>
      <c r="M8" s="43" t="s">
        <v>2370</v>
      </c>
      <c r="N8" s="25">
        <f>+M10*M11*M12*M13*M14*M15</f>
        <v>1</v>
      </c>
      <c r="O8" s="39"/>
      <c r="P8" s="288" t="s">
        <v>2371</v>
      </c>
      <c r="Q8" s="289"/>
      <c r="S8" s="100" t="s">
        <v>2444</v>
      </c>
      <c r="T8" s="70" t="s">
        <v>2445</v>
      </c>
      <c r="U8" s="70"/>
      <c r="V8" s="70" t="s">
        <v>2370</v>
      </c>
      <c r="W8" s="70" t="s">
        <v>2446</v>
      </c>
      <c r="X8" s="70" t="s">
        <v>2447</v>
      </c>
      <c r="Y8" s="33"/>
      <c r="Z8" s="71">
        <v>63971.296356193896</v>
      </c>
      <c r="AA8" s="280">
        <v>0.14963247891385886</v>
      </c>
      <c r="AB8" s="33"/>
      <c r="AC8" s="71">
        <v>122323.37922991799</v>
      </c>
      <c r="AD8" s="280">
        <v>0.15475376364358379</v>
      </c>
      <c r="AE8" s="33"/>
      <c r="AF8" s="71">
        <v>129757.47366094525</v>
      </c>
      <c r="AG8" s="280">
        <v>9.0264963476582999E-2</v>
      </c>
      <c r="AH8" s="33"/>
      <c r="AI8" s="71">
        <v>277335.24948616879</v>
      </c>
      <c r="AJ8" s="280">
        <v>0.12839594883618927</v>
      </c>
      <c r="AK8" s="33"/>
      <c r="AL8" s="71">
        <v>573665.95388908428</v>
      </c>
      <c r="AM8" s="72">
        <v>0.125310800782684</v>
      </c>
      <c r="AN8" s="33"/>
      <c r="AO8" s="71">
        <v>1008093.7408500001</v>
      </c>
      <c r="AP8" s="72">
        <v>0.1211</v>
      </c>
      <c r="AQ8" s="33"/>
      <c r="AR8" s="71">
        <v>1213473.1588976579</v>
      </c>
      <c r="AS8" s="72">
        <v>0.1067485168267585</v>
      </c>
      <c r="AT8" s="33"/>
      <c r="AU8" s="71">
        <v>1364072.6972532461</v>
      </c>
      <c r="AV8" s="72">
        <v>0.11759247390114191</v>
      </c>
      <c r="AW8" s="101"/>
    </row>
    <row r="9" spans="2:49" x14ac:dyDescent="0.35">
      <c r="B9" s="12"/>
      <c r="C9" s="13" t="s">
        <v>2372</v>
      </c>
      <c r="D9" s="13" t="s">
        <v>2373</v>
      </c>
      <c r="E9" s="13" t="s">
        <v>2374</v>
      </c>
      <c r="F9" s="13" t="s">
        <v>2375</v>
      </c>
      <c r="G9" s="13" t="s">
        <v>2376</v>
      </c>
      <c r="H9" s="13" t="s">
        <v>2377</v>
      </c>
      <c r="I9" s="13" t="s">
        <v>2370</v>
      </c>
      <c r="J9" s="33"/>
      <c r="K9" s="14"/>
      <c r="L9" s="15" t="s">
        <v>2378</v>
      </c>
      <c r="M9" s="16" t="s">
        <v>2379</v>
      </c>
      <c r="N9" s="83"/>
      <c r="O9" s="34"/>
      <c r="P9" s="4" t="s">
        <v>2380</v>
      </c>
      <c r="Q9" s="45">
        <f>N8</f>
        <v>1</v>
      </c>
      <c r="S9" s="102" t="s">
        <v>2465</v>
      </c>
      <c r="T9" s="94">
        <f>+U9*$X$5</f>
        <v>462225.41581028135</v>
      </c>
      <c r="U9" s="95">
        <f>+IF($T$7="A",AA8,IF($T$7="B",AD8,IF($T$7="C",AG8,IF($T$7="D",AJ8,IF($T$7="E",AM8,IF($T$7="F",AP8,IF($T$7="G",AS8,IF($T$7="H",AV8))))))))</f>
        <v>0.12839594883618927</v>
      </c>
      <c r="V9" s="73">
        <f>+Q9</f>
        <v>1</v>
      </c>
      <c r="W9" s="74">
        <f>V9*T9</f>
        <v>462225.41581028135</v>
      </c>
      <c r="X9" s="27">
        <f>+W9/$W$28</f>
        <v>0.12724578499522596</v>
      </c>
      <c r="Y9" s="33"/>
      <c r="Z9" s="71">
        <v>39449.491551364983</v>
      </c>
      <c r="AA9" s="280">
        <v>9.2274591089328992E-2</v>
      </c>
      <c r="AB9" s="33"/>
      <c r="AC9" s="71">
        <v>58278.075197356695</v>
      </c>
      <c r="AD9" s="280">
        <v>7.3728763311412218E-2</v>
      </c>
      <c r="AE9" s="33"/>
      <c r="AF9" s="71">
        <v>255896.89432610414</v>
      </c>
      <c r="AG9" s="280">
        <v>0.17801305133662651</v>
      </c>
      <c r="AH9" s="33"/>
      <c r="AI9" s="71">
        <v>423244.09508325113</v>
      </c>
      <c r="AJ9" s="280">
        <v>0.19594634031631997</v>
      </c>
      <c r="AK9" s="33"/>
      <c r="AL9" s="71">
        <v>859460.68008782971</v>
      </c>
      <c r="AM9" s="72">
        <v>0.18773940711123216</v>
      </c>
      <c r="AN9" s="33"/>
      <c r="AO9" s="71">
        <v>1526708.4399000003</v>
      </c>
      <c r="AP9" s="72">
        <v>0.18340000000000001</v>
      </c>
      <c r="AQ9" s="33"/>
      <c r="AR9" s="71">
        <v>2256320.2408149131</v>
      </c>
      <c r="AS9" s="72">
        <v>0.19848715847327622</v>
      </c>
      <c r="AT9" s="33"/>
      <c r="AU9" s="71">
        <v>2492840</v>
      </c>
      <c r="AV9" s="72">
        <v>0.21490000000000001</v>
      </c>
      <c r="AW9" s="101"/>
    </row>
    <row r="10" spans="2:49" x14ac:dyDescent="0.35">
      <c r="B10" s="18" t="s">
        <v>2378</v>
      </c>
      <c r="C10" s="19" t="s">
        <v>2402</v>
      </c>
      <c r="D10" s="19">
        <v>0.95</v>
      </c>
      <c r="E10" s="19">
        <v>1</v>
      </c>
      <c r="F10" s="19">
        <v>1.1000000000000001</v>
      </c>
      <c r="G10" s="19">
        <v>1.1499999999999999</v>
      </c>
      <c r="H10" s="19">
        <v>1.2</v>
      </c>
      <c r="I10" s="25">
        <f>+I11*I12*I13*I14</f>
        <v>1</v>
      </c>
      <c r="J10" s="33"/>
      <c r="K10" s="20" t="s">
        <v>2381</v>
      </c>
      <c r="L10" s="21">
        <v>1.02</v>
      </c>
      <c r="M10" s="16">
        <v>1</v>
      </c>
      <c r="N10" s="67"/>
      <c r="O10" s="34"/>
      <c r="P10" s="4" t="s">
        <v>2382</v>
      </c>
      <c r="Q10" s="45">
        <f>N16</f>
        <v>1.02</v>
      </c>
      <c r="S10" s="102" t="s">
        <v>2466</v>
      </c>
      <c r="T10" s="94">
        <f t="shared" ref="T10:T21" si="0">+U10*$X$5</f>
        <v>705406.82513875188</v>
      </c>
      <c r="U10" s="95">
        <f t="shared" ref="U10:U21" si="1">+IF($T$7="A",AA9,IF($T$7="B",AD9,IF($T$7="C",AG9,IF($T$7="D",AJ9,IF($T$7="E",AM9,IF($T$7="F",AP9,IF($T$7="G",AS9,IF($T$7="H",AV9))))))))</f>
        <v>0.19594634031631997</v>
      </c>
      <c r="V10" s="73">
        <f t="shared" ref="V10:V23" si="2">+Q10</f>
        <v>1.02</v>
      </c>
      <c r="W10" s="74">
        <f t="shared" ref="W10:W21" si="3">V10*T10</f>
        <v>719514.9616415269</v>
      </c>
      <c r="X10" s="27">
        <f t="shared" ref="X10:X21" si="4">+W10/$W$28</f>
        <v>0.19807488506314525</v>
      </c>
      <c r="Y10" s="33"/>
      <c r="Z10" s="71">
        <v>36574.576588152529</v>
      </c>
      <c r="AA10" s="280">
        <v>8.555000245168802E-2</v>
      </c>
      <c r="AB10" s="33"/>
      <c r="AC10" s="71">
        <v>124715.00225314351</v>
      </c>
      <c r="AD10" s="280">
        <v>0.15777945396043758</v>
      </c>
      <c r="AE10" s="33"/>
      <c r="AF10" s="71">
        <v>190515.64610204715</v>
      </c>
      <c r="AG10" s="280">
        <v>0.13253100073491075</v>
      </c>
      <c r="AH10" s="33"/>
      <c r="AI10" s="71">
        <v>272946.76714884484</v>
      </c>
      <c r="AJ10" s="280">
        <v>0.12636424405039112</v>
      </c>
      <c r="AK10" s="33"/>
      <c r="AL10" s="71">
        <v>363229.45950227021</v>
      </c>
      <c r="AM10" s="72">
        <v>7.9343342810424808E-2</v>
      </c>
      <c r="AN10" s="33"/>
      <c r="AO10" s="71">
        <v>904037.82210000011</v>
      </c>
      <c r="AP10" s="72">
        <v>0.1086</v>
      </c>
      <c r="AQ10" s="33"/>
      <c r="AR10" s="71">
        <v>1197909.1132646501</v>
      </c>
      <c r="AS10" s="72">
        <v>0.10537935692819357</v>
      </c>
      <c r="AT10" s="33"/>
      <c r="AU10" s="71">
        <v>1357200</v>
      </c>
      <c r="AV10" s="72">
        <v>0.11700000000000001</v>
      </c>
      <c r="AW10" s="101"/>
    </row>
    <row r="11" spans="2:49" x14ac:dyDescent="0.35">
      <c r="B11" s="20" t="s">
        <v>2353</v>
      </c>
      <c r="C11" s="16"/>
      <c r="D11" s="16"/>
      <c r="E11" s="16">
        <v>1</v>
      </c>
      <c r="F11" s="16"/>
      <c r="G11" s="16"/>
      <c r="H11" s="16"/>
      <c r="I11" s="16">
        <f>+SUM(C11:H11)</f>
        <v>1</v>
      </c>
      <c r="J11" s="33"/>
      <c r="K11" s="20" t="s">
        <v>2383</v>
      </c>
      <c r="L11" s="21">
        <v>1</v>
      </c>
      <c r="M11" s="16">
        <v>1</v>
      </c>
      <c r="N11" s="67"/>
      <c r="O11" s="34"/>
      <c r="P11" s="4" t="s">
        <v>2384</v>
      </c>
      <c r="Q11" s="45">
        <f>N24</f>
        <v>1</v>
      </c>
      <c r="S11" s="102" t="s">
        <v>2467</v>
      </c>
      <c r="T11" s="94">
        <f t="shared" si="0"/>
        <v>454911.27858140803</v>
      </c>
      <c r="U11" s="95">
        <f t="shared" si="1"/>
        <v>0.12636424405039112</v>
      </c>
      <c r="V11" s="73">
        <f t="shared" si="2"/>
        <v>1</v>
      </c>
      <c r="W11" s="74">
        <f t="shared" si="3"/>
        <v>454911.27858140803</v>
      </c>
      <c r="X11" s="27">
        <f t="shared" si="4"/>
        <v>0.12523228010904552</v>
      </c>
      <c r="Y11" s="33"/>
      <c r="Z11" s="71">
        <v>35733.691112123597</v>
      </c>
      <c r="AA11" s="280">
        <v>8.3583123782225419E-2</v>
      </c>
      <c r="AB11" s="33"/>
      <c r="AC11" s="71">
        <v>50227.39348865013</v>
      </c>
      <c r="AD11" s="280">
        <v>6.3543684202559556E-2</v>
      </c>
      <c r="AE11" s="33"/>
      <c r="AF11" s="71">
        <v>64087.378164911584</v>
      </c>
      <c r="AG11" s="280">
        <v>4.4581978102328335E-2</v>
      </c>
      <c r="AH11" s="33"/>
      <c r="AI11" s="71">
        <v>85328.955951961281</v>
      </c>
      <c r="AJ11" s="280">
        <v>3.950414627405615E-2</v>
      </c>
      <c r="AK11" s="33"/>
      <c r="AL11" s="71">
        <v>116528.29796293117</v>
      </c>
      <c r="AM11" s="72">
        <v>2.5454280897418202E-2</v>
      </c>
      <c r="AN11" s="33"/>
      <c r="AO11" s="71">
        <v>204782.04810000001</v>
      </c>
      <c r="AP11" s="72">
        <v>2.46E-2</v>
      </c>
      <c r="AQ11" s="33"/>
      <c r="AR11" s="71">
        <v>169153.39620753023</v>
      </c>
      <c r="AS11" s="72">
        <v>1.4880324322761365E-2</v>
      </c>
      <c r="AT11" s="33"/>
      <c r="AU11" s="71">
        <v>185600</v>
      </c>
      <c r="AV11" s="72">
        <v>1.6E-2</v>
      </c>
      <c r="AW11" s="101"/>
    </row>
    <row r="12" spans="2:49" x14ac:dyDescent="0.35">
      <c r="B12" s="20" t="s">
        <v>2354</v>
      </c>
      <c r="C12" s="16"/>
      <c r="D12" s="16"/>
      <c r="E12" s="16">
        <v>1</v>
      </c>
      <c r="F12" s="16"/>
      <c r="G12" s="16"/>
      <c r="H12" s="16"/>
      <c r="I12" s="16">
        <f t="shared" ref="I12:I14" si="5">+SUM(C12:H12)</f>
        <v>1</v>
      </c>
      <c r="J12" s="33"/>
      <c r="K12" s="20" t="s">
        <v>2385</v>
      </c>
      <c r="L12" s="21">
        <v>1.03</v>
      </c>
      <c r="M12" s="16">
        <v>1</v>
      </c>
      <c r="N12" s="67"/>
      <c r="O12" s="34"/>
      <c r="P12" s="4" t="s">
        <v>2386</v>
      </c>
      <c r="Q12" s="45">
        <f>I41</f>
        <v>1</v>
      </c>
      <c r="S12" s="102" t="s">
        <v>2468</v>
      </c>
      <c r="T12" s="94">
        <f t="shared" si="0"/>
        <v>142214.92658660215</v>
      </c>
      <c r="U12" s="95">
        <f t="shared" si="1"/>
        <v>3.950414627405615E-2</v>
      </c>
      <c r="V12" s="73">
        <f t="shared" si="2"/>
        <v>1</v>
      </c>
      <c r="W12" s="74">
        <f t="shared" si="3"/>
        <v>142214.92658660215</v>
      </c>
      <c r="X12" s="27">
        <f t="shared" si="4"/>
        <v>3.9150270306594646E-2</v>
      </c>
      <c r="Y12" s="33"/>
      <c r="Z12" s="71">
        <v>20621.450234382202</v>
      </c>
      <c r="AA12" s="280">
        <v>4.8234737970424504E-2</v>
      </c>
      <c r="AB12" s="33"/>
      <c r="AC12" s="71">
        <v>19280.545613525246</v>
      </c>
      <c r="AD12" s="280">
        <v>2.4392205460467335E-2</v>
      </c>
      <c r="AE12" s="33"/>
      <c r="AF12" s="71">
        <v>28521.812713220996</v>
      </c>
      <c r="AG12" s="280">
        <v>1.9841018094819148E-2</v>
      </c>
      <c r="AH12" s="33"/>
      <c r="AI12" s="71">
        <v>43069.783152697768</v>
      </c>
      <c r="AJ12" s="280">
        <v>1.9939714422545263E-2</v>
      </c>
      <c r="AK12" s="33"/>
      <c r="AL12" s="71">
        <v>72375.78959681571</v>
      </c>
      <c r="AM12" s="72">
        <v>1.5809667786925292E-2</v>
      </c>
      <c r="AN12" s="33"/>
      <c r="AO12" s="71">
        <v>127364.44455000001</v>
      </c>
      <c r="AP12" s="72">
        <v>1.5299999999999999E-2</v>
      </c>
      <c r="AQ12" s="33"/>
      <c r="AR12" s="71">
        <v>141306.2046757114</v>
      </c>
      <c r="AS12" s="72">
        <v>1.2430623336780976E-2</v>
      </c>
      <c r="AT12" s="33"/>
      <c r="AU12" s="71">
        <v>139200</v>
      </c>
      <c r="AV12" s="72">
        <v>1.2E-2</v>
      </c>
      <c r="AW12" s="101"/>
    </row>
    <row r="13" spans="2:49" x14ac:dyDescent="0.35">
      <c r="B13" s="20" t="s">
        <v>2387</v>
      </c>
      <c r="C13" s="16"/>
      <c r="D13" s="16"/>
      <c r="E13" s="16">
        <v>1</v>
      </c>
      <c r="F13" s="16"/>
      <c r="G13" s="16"/>
      <c r="H13" s="16"/>
      <c r="I13" s="16">
        <f t="shared" si="5"/>
        <v>1</v>
      </c>
      <c r="J13" s="33"/>
      <c r="K13" s="20" t="s">
        <v>2388</v>
      </c>
      <c r="L13" s="21">
        <v>1.04</v>
      </c>
      <c r="M13" s="16">
        <v>1</v>
      </c>
      <c r="N13" s="67"/>
      <c r="O13" s="34"/>
      <c r="P13" s="4" t="s">
        <v>2389</v>
      </c>
      <c r="Q13" s="45">
        <f>I40</f>
        <v>1</v>
      </c>
      <c r="S13" s="102" t="s">
        <v>2469</v>
      </c>
      <c r="T13" s="94">
        <f t="shared" si="0"/>
        <v>71782.971921162942</v>
      </c>
      <c r="U13" s="95">
        <f t="shared" si="1"/>
        <v>1.9939714422545263E-2</v>
      </c>
      <c r="V13" s="73">
        <f t="shared" si="2"/>
        <v>1</v>
      </c>
      <c r="W13" s="74">
        <f t="shared" si="3"/>
        <v>71782.971921162942</v>
      </c>
      <c r="X13" s="27">
        <f t="shared" si="4"/>
        <v>1.9761095558509252E-2</v>
      </c>
      <c r="Y13" s="33"/>
      <c r="Z13" s="71">
        <v>16012.081461315676</v>
      </c>
      <c r="AA13" s="280">
        <v>3.7453163810949208E-2</v>
      </c>
      <c r="AB13" s="33"/>
      <c r="AC13" s="71">
        <v>44001.672848795861</v>
      </c>
      <c r="AD13" s="280">
        <v>5.5667399991999211E-2</v>
      </c>
      <c r="AE13" s="33"/>
      <c r="AF13" s="71">
        <v>52224.92792477132</v>
      </c>
      <c r="AG13" s="280">
        <v>3.6329939838490546E-2</v>
      </c>
      <c r="AH13" s="33"/>
      <c r="AI13" s="71">
        <v>78832.402766845233</v>
      </c>
      <c r="AJ13" s="280">
        <v>3.6496482762428346E-2</v>
      </c>
      <c r="AK13" s="33"/>
      <c r="AL13" s="71">
        <v>82838.499707120689</v>
      </c>
      <c r="AM13" s="72">
        <v>1.809512777176674E-2</v>
      </c>
      <c r="AN13" s="33"/>
      <c r="AO13" s="71">
        <v>145678.28625000003</v>
      </c>
      <c r="AP13" s="72">
        <v>1.7500000000000002E-2</v>
      </c>
      <c r="AQ13" s="33"/>
      <c r="AR13" s="71">
        <v>168563.49928601854</v>
      </c>
      <c r="AS13" s="72">
        <v>1.4828431439107271E-2</v>
      </c>
      <c r="AT13" s="33"/>
      <c r="AU13" s="71">
        <v>177480</v>
      </c>
      <c r="AV13" s="72">
        <v>1.5299999999999999E-2</v>
      </c>
      <c r="AW13" s="101"/>
    </row>
    <row r="14" spans="2:49" x14ac:dyDescent="0.35">
      <c r="B14" s="20" t="s">
        <v>2352</v>
      </c>
      <c r="C14" s="16">
        <v>1</v>
      </c>
      <c r="D14" s="16"/>
      <c r="E14" s="16"/>
      <c r="F14" s="16"/>
      <c r="G14" s="16"/>
      <c r="H14" s="16"/>
      <c r="I14" s="16">
        <f t="shared" si="5"/>
        <v>1</v>
      </c>
      <c r="J14" s="33"/>
      <c r="K14" s="20" t="s">
        <v>2393</v>
      </c>
      <c r="L14" s="13">
        <v>1</v>
      </c>
      <c r="M14" s="16">
        <v>1</v>
      </c>
      <c r="N14" s="67"/>
      <c r="O14" s="34"/>
      <c r="P14" s="4" t="s">
        <v>2391</v>
      </c>
      <c r="Q14" s="45">
        <f>I39</f>
        <v>1</v>
      </c>
      <c r="S14" s="102" t="s">
        <v>2470</v>
      </c>
      <c r="T14" s="94">
        <f t="shared" si="0"/>
        <v>131387.33794474206</v>
      </c>
      <c r="U14" s="95">
        <f t="shared" si="1"/>
        <v>3.6496482762428346E-2</v>
      </c>
      <c r="V14" s="73">
        <f t="shared" si="2"/>
        <v>1</v>
      </c>
      <c r="W14" s="74">
        <f t="shared" si="3"/>
        <v>131387.33794474206</v>
      </c>
      <c r="X14" s="27">
        <f t="shared" si="4"/>
        <v>3.6169549279120083E-2</v>
      </c>
      <c r="Y14" s="33"/>
      <c r="Z14" s="71">
        <v>31822.466157147901</v>
      </c>
      <c r="AA14" s="280">
        <v>7.4434547484129268E-2</v>
      </c>
      <c r="AB14" s="33"/>
      <c r="AC14" s="71">
        <v>10565.177180234825</v>
      </c>
      <c r="AD14" s="280">
        <v>1.336621782766082E-2</v>
      </c>
      <c r="AE14" s="33"/>
      <c r="AF14" s="71">
        <v>9399.9180163090532</v>
      </c>
      <c r="AG14" s="280">
        <v>6.5389933426269371E-3</v>
      </c>
      <c r="AH14" s="33"/>
      <c r="AI14" s="71">
        <v>10253.327620557477</v>
      </c>
      <c r="AJ14" s="280">
        <v>4.7469109354432758E-3</v>
      </c>
      <c r="AK14" s="33"/>
      <c r="AL14" s="71">
        <v>6317.1066223714661</v>
      </c>
      <c r="AM14" s="72">
        <v>1.3799000692169667E-3</v>
      </c>
      <c r="AN14" s="33"/>
      <c r="AO14" s="71">
        <v>10821.815550000001</v>
      </c>
      <c r="AP14" s="72">
        <v>1.2999999999999999E-3</v>
      </c>
      <c r="AQ14" s="33"/>
      <c r="AR14" s="71">
        <v>14733.259359127191</v>
      </c>
      <c r="AS14" s="72">
        <v>1.2960761209086036E-3</v>
      </c>
      <c r="AT14" s="33"/>
      <c r="AU14" s="71">
        <v>13919.999999999998</v>
      </c>
      <c r="AV14" s="72">
        <v>1.1999999999999999E-3</v>
      </c>
      <c r="AW14" s="101"/>
    </row>
    <row r="15" spans="2:49" x14ac:dyDescent="0.35">
      <c r="B15" s="48" t="s">
        <v>2392</v>
      </c>
      <c r="C15" s="81"/>
      <c r="D15" s="7"/>
      <c r="E15" s="7"/>
      <c r="F15" s="7"/>
      <c r="G15" s="7"/>
      <c r="H15" s="7"/>
      <c r="I15" s="34"/>
      <c r="J15" s="33"/>
      <c r="K15" s="20" t="s">
        <v>2390</v>
      </c>
      <c r="L15" s="21">
        <v>1.03</v>
      </c>
      <c r="M15" s="16">
        <v>1</v>
      </c>
      <c r="N15" s="67"/>
      <c r="O15" s="34"/>
      <c r="P15" s="4" t="s">
        <v>2394</v>
      </c>
      <c r="Q15" s="45">
        <f>I42</f>
        <v>1</v>
      </c>
      <c r="S15" s="102" t="s">
        <v>2471</v>
      </c>
      <c r="T15" s="94">
        <f t="shared" si="0"/>
        <v>17088.879367595793</v>
      </c>
      <c r="U15" s="95">
        <f t="shared" si="1"/>
        <v>4.7469109354432758E-3</v>
      </c>
      <c r="V15" s="73">
        <f t="shared" si="2"/>
        <v>1</v>
      </c>
      <c r="W15" s="74">
        <f t="shared" si="3"/>
        <v>17088.879367595793</v>
      </c>
      <c r="X15" s="27">
        <f t="shared" si="4"/>
        <v>4.7043883686200367E-3</v>
      </c>
      <c r="Y15" s="33"/>
      <c r="Z15" s="71">
        <v>62061.865968797312</v>
      </c>
      <c r="AA15" s="280">
        <v>0.14516621328452498</v>
      </c>
      <c r="AB15" s="33"/>
      <c r="AC15" s="71">
        <v>120544.10637573278</v>
      </c>
      <c r="AD15" s="280">
        <v>0.15250276982320807</v>
      </c>
      <c r="AE15" s="33"/>
      <c r="AF15" s="71">
        <v>337052.27420197672</v>
      </c>
      <c r="AG15" s="280">
        <v>0.23446827656369335</v>
      </c>
      <c r="AH15" s="33"/>
      <c r="AI15" s="71">
        <v>476620.79950269422</v>
      </c>
      <c r="AJ15" s="280">
        <v>0.22065777754754362</v>
      </c>
      <c r="AK15" s="33"/>
      <c r="AL15" s="71">
        <v>846831.0267561283</v>
      </c>
      <c r="AM15" s="72">
        <v>0.18498060303392205</v>
      </c>
      <c r="AN15" s="33"/>
      <c r="AO15" s="71">
        <v>1487583.41445</v>
      </c>
      <c r="AP15" s="72">
        <v>0.1787</v>
      </c>
      <c r="AQ15" s="33"/>
      <c r="AR15" s="71">
        <v>2495853.7467377749</v>
      </c>
      <c r="AS15" s="72">
        <v>0.219558779464718</v>
      </c>
      <c r="AT15" s="33"/>
      <c r="AU15" s="71">
        <v>2079879.9999999998</v>
      </c>
      <c r="AV15" s="72">
        <v>0.17929999999999999</v>
      </c>
      <c r="AW15" s="101"/>
    </row>
    <row r="16" spans="2:49" x14ac:dyDescent="0.35">
      <c r="B16" s="44"/>
      <c r="C16" s="13" t="s">
        <v>2372</v>
      </c>
      <c r="D16" s="13" t="s">
        <v>2373</v>
      </c>
      <c r="E16" s="13" t="s">
        <v>2374</v>
      </c>
      <c r="F16" s="13" t="s">
        <v>2375</v>
      </c>
      <c r="G16" s="13" t="s">
        <v>2376</v>
      </c>
      <c r="H16" s="13" t="s">
        <v>2377</v>
      </c>
      <c r="I16" s="13" t="s">
        <v>2370</v>
      </c>
      <c r="J16" s="33"/>
      <c r="K16" s="9" t="s">
        <v>2395</v>
      </c>
      <c r="L16" s="10"/>
      <c r="M16" s="11" t="s">
        <v>2370</v>
      </c>
      <c r="N16" s="25">
        <f>+M18*M19*M20*M21*M22*M23</f>
        <v>1.02</v>
      </c>
      <c r="O16" s="34"/>
      <c r="P16" s="4" t="s">
        <v>2396</v>
      </c>
      <c r="Q16" s="45">
        <f>I26</f>
        <v>1</v>
      </c>
      <c r="S16" s="102" t="s">
        <v>2472</v>
      </c>
      <c r="T16" s="94">
        <f t="shared" si="0"/>
        <v>794367.99917115702</v>
      </c>
      <c r="U16" s="95">
        <f t="shared" si="1"/>
        <v>0.22065777754754362</v>
      </c>
      <c r="V16" s="73">
        <f t="shared" si="2"/>
        <v>1</v>
      </c>
      <c r="W16" s="74">
        <f t="shared" si="3"/>
        <v>794367.99917115702</v>
      </c>
      <c r="X16" s="27">
        <f t="shared" si="4"/>
        <v>0.21868113732436725</v>
      </c>
      <c r="Y16" s="33"/>
      <c r="Z16" s="71">
        <v>37340.227892975614</v>
      </c>
      <c r="AA16" s="280">
        <v>8.7340904141195774E-2</v>
      </c>
      <c r="AB16" s="33"/>
      <c r="AC16" s="71">
        <v>95427.740092999564</v>
      </c>
      <c r="AD16" s="280">
        <v>0.12072755043527668</v>
      </c>
      <c r="AE16" s="33"/>
      <c r="AF16" s="71">
        <v>109298.15187348376</v>
      </c>
      <c r="AG16" s="280">
        <v>7.6032566052397374E-2</v>
      </c>
      <c r="AH16" s="33"/>
      <c r="AI16" s="71">
        <v>183921.11475931597</v>
      </c>
      <c r="AJ16" s="280">
        <v>8.5148664240424055E-2</v>
      </c>
      <c r="AK16" s="33"/>
      <c r="AL16" s="71">
        <v>507344.29865684849</v>
      </c>
      <c r="AM16" s="72">
        <v>0.11082358976720963</v>
      </c>
      <c r="AN16" s="33"/>
      <c r="AO16" s="71">
        <v>891551.1118500001</v>
      </c>
      <c r="AP16" s="72">
        <v>0.1071</v>
      </c>
      <c r="AQ16" s="33"/>
      <c r="AR16" s="71">
        <v>1177706.1531053144</v>
      </c>
      <c r="AS16" s="72">
        <v>0.10360211445957702</v>
      </c>
      <c r="AT16" s="33"/>
      <c r="AU16" s="71">
        <v>1434920</v>
      </c>
      <c r="AV16" s="72">
        <v>0.1237</v>
      </c>
      <c r="AW16" s="101"/>
    </row>
    <row r="17" spans="2:49" x14ac:dyDescent="0.35">
      <c r="B17" s="46" t="s">
        <v>2378</v>
      </c>
      <c r="C17" s="19">
        <v>1</v>
      </c>
      <c r="D17" s="19">
        <v>0.95</v>
      </c>
      <c r="E17" s="19">
        <v>1</v>
      </c>
      <c r="F17" s="19">
        <v>1.1000000000000001</v>
      </c>
      <c r="G17" s="19">
        <v>1.1499999999999999</v>
      </c>
      <c r="H17" s="19">
        <v>1.2</v>
      </c>
      <c r="I17" s="25">
        <f>I18*I19*I20*I21*I22*I23</f>
        <v>1</v>
      </c>
      <c r="J17" s="33"/>
      <c r="K17" s="14"/>
      <c r="L17" s="15" t="s">
        <v>2378</v>
      </c>
      <c r="M17" s="16" t="s">
        <v>2379</v>
      </c>
      <c r="N17" s="83"/>
      <c r="O17" s="34"/>
      <c r="P17" s="4" t="s">
        <v>2397</v>
      </c>
      <c r="Q17" s="45">
        <f>I36</f>
        <v>1</v>
      </c>
      <c r="S17" s="102" t="s">
        <v>2473</v>
      </c>
      <c r="T17" s="94">
        <f t="shared" si="0"/>
        <v>306535.19126552658</v>
      </c>
      <c r="U17" s="95">
        <f t="shared" si="1"/>
        <v>8.5148664240424055E-2</v>
      </c>
      <c r="V17" s="73">
        <f t="shared" si="2"/>
        <v>1</v>
      </c>
      <c r="W17" s="74">
        <f t="shared" si="3"/>
        <v>306535.19126552658</v>
      </c>
      <c r="X17" s="27">
        <f t="shared" si="4"/>
        <v>8.4385907193933365E-2</v>
      </c>
      <c r="Y17" s="33"/>
      <c r="Z17" s="71">
        <v>15477.114614053333</v>
      </c>
      <c r="AA17" s="280">
        <v>3.6201846109852699E-2</v>
      </c>
      <c r="AB17" s="33"/>
      <c r="AC17" s="71">
        <v>32732.241963876553</v>
      </c>
      <c r="AD17" s="280">
        <v>4.1410216659248704E-2</v>
      </c>
      <c r="AE17" s="33"/>
      <c r="AF17" s="71">
        <v>60422.996019675862</v>
      </c>
      <c r="AG17" s="280">
        <v>4.2032873906848761E-2</v>
      </c>
      <c r="AH17" s="33"/>
      <c r="AI17" s="71">
        <v>72492.67646738734</v>
      </c>
      <c r="AJ17" s="280">
        <v>3.3561424290457102E-2</v>
      </c>
      <c r="AK17" s="33"/>
      <c r="AL17" s="71">
        <v>96430.584866865087</v>
      </c>
      <c r="AM17" s="72">
        <v>2.1064164131911825E-2</v>
      </c>
      <c r="AN17" s="33"/>
      <c r="AO17" s="71">
        <v>168986.81205000001</v>
      </c>
      <c r="AP17" s="72">
        <v>2.0299999999999999E-2</v>
      </c>
      <c r="AQ17" s="33"/>
      <c r="AR17" s="71">
        <v>293233.49135313713</v>
      </c>
      <c r="AS17" s="72">
        <v>2.5795576981954053E-2</v>
      </c>
      <c r="AT17" s="33"/>
      <c r="AU17" s="71">
        <v>331760</v>
      </c>
      <c r="AV17" s="72">
        <v>2.86E-2</v>
      </c>
      <c r="AW17" s="101"/>
    </row>
    <row r="18" spans="2:49" x14ac:dyDescent="0.35">
      <c r="B18" s="47" t="s">
        <v>2355</v>
      </c>
      <c r="C18" s="16"/>
      <c r="D18" s="16"/>
      <c r="E18" s="16">
        <v>1</v>
      </c>
      <c r="F18" s="16"/>
      <c r="G18" s="16"/>
      <c r="H18" s="16"/>
      <c r="I18" s="16">
        <f t="shared" ref="I18:I23" si="6">+SUM(C18:H18)</f>
        <v>1</v>
      </c>
      <c r="J18" s="33"/>
      <c r="K18" s="20" t="s">
        <v>2398</v>
      </c>
      <c r="L18" s="21">
        <v>1.02</v>
      </c>
      <c r="M18" s="16">
        <v>1.02</v>
      </c>
      <c r="N18" s="67"/>
      <c r="O18" s="34"/>
      <c r="P18" s="4" t="s">
        <v>2399</v>
      </c>
      <c r="Q18" s="45">
        <f>I45</f>
        <v>1</v>
      </c>
      <c r="S18" s="102" t="s">
        <v>2474</v>
      </c>
      <c r="T18" s="94">
        <f t="shared" si="0"/>
        <v>120821.12744564557</v>
      </c>
      <c r="U18" s="95">
        <f t="shared" si="1"/>
        <v>3.3561424290457102E-2</v>
      </c>
      <c r="V18" s="73">
        <f t="shared" si="2"/>
        <v>1</v>
      </c>
      <c r="W18" s="74">
        <f t="shared" si="3"/>
        <v>120821.12744564557</v>
      </c>
      <c r="X18" s="27">
        <f t="shared" si="4"/>
        <v>3.3260782899354031E-2</v>
      </c>
      <c r="Y18" s="33"/>
      <c r="Z18" s="71">
        <v>15404.549431569252</v>
      </c>
      <c r="AA18" s="280">
        <v>3.6032112045414309E-2</v>
      </c>
      <c r="AB18" s="33"/>
      <c r="AC18" s="71">
        <v>30216.850978402457</v>
      </c>
      <c r="AD18" s="280">
        <v>3.8227945007763359E-2</v>
      </c>
      <c r="AE18" s="33"/>
      <c r="AF18" s="71">
        <v>41287.233979509896</v>
      </c>
      <c r="AG18" s="280">
        <v>2.8721202425285013E-2</v>
      </c>
      <c r="AH18" s="33"/>
      <c r="AI18" s="71">
        <v>55796.754467638188</v>
      </c>
      <c r="AJ18" s="280">
        <v>2.5831830772054715E-2</v>
      </c>
      <c r="AK18" s="33"/>
      <c r="AL18" s="71">
        <v>105815.08281162764</v>
      </c>
      <c r="AM18" s="72">
        <v>2.3114100936474258E-2</v>
      </c>
      <c r="AN18" s="33"/>
      <c r="AO18" s="71">
        <v>184803.31170000002</v>
      </c>
      <c r="AP18" s="72">
        <v>2.2200000000000001E-2</v>
      </c>
      <c r="AQ18" s="33"/>
      <c r="AR18" s="71">
        <v>273010.25769296783</v>
      </c>
      <c r="AS18" s="72">
        <v>2.4016551065447464E-2</v>
      </c>
      <c r="AT18" s="33"/>
      <c r="AU18" s="71">
        <v>342200</v>
      </c>
      <c r="AV18" s="72">
        <v>2.9499999999999998E-2</v>
      </c>
      <c r="AW18" s="101"/>
    </row>
    <row r="19" spans="2:49" x14ac:dyDescent="0.35">
      <c r="B19" s="47" t="s">
        <v>2356</v>
      </c>
      <c r="C19" s="16"/>
      <c r="D19" s="16"/>
      <c r="E19" s="16">
        <v>1</v>
      </c>
      <c r="F19" s="16"/>
      <c r="G19" s="16"/>
      <c r="H19" s="16"/>
      <c r="I19" s="16">
        <f t="shared" si="6"/>
        <v>1</v>
      </c>
      <c r="J19" s="33"/>
      <c r="K19" s="20" t="s">
        <v>2400</v>
      </c>
      <c r="L19" s="21">
        <v>1</v>
      </c>
      <c r="M19" s="16">
        <v>1</v>
      </c>
      <c r="N19" s="67"/>
      <c r="O19" s="34"/>
      <c r="P19" s="4" t="s">
        <v>2401</v>
      </c>
      <c r="Q19" s="45">
        <f>I17</f>
        <v>1</v>
      </c>
      <c r="S19" s="102" t="s">
        <v>2475</v>
      </c>
      <c r="T19" s="94">
        <f t="shared" si="0"/>
        <v>92994.590779396982</v>
      </c>
      <c r="U19" s="95">
        <f t="shared" si="1"/>
        <v>2.5831830772054715E-2</v>
      </c>
      <c r="V19" s="73">
        <f t="shared" si="2"/>
        <v>1</v>
      </c>
      <c r="W19" s="74">
        <f t="shared" si="3"/>
        <v>92994.590779396982</v>
      </c>
      <c r="X19" s="27">
        <f t="shared" si="4"/>
        <v>2.5600430654144409E-2</v>
      </c>
      <c r="Y19" s="33"/>
      <c r="Z19" s="71">
        <v>46089.541581676487</v>
      </c>
      <c r="AA19" s="280">
        <v>0.10780604351785797</v>
      </c>
      <c r="AB19" s="33"/>
      <c r="AC19" s="71">
        <v>63691.196280699616</v>
      </c>
      <c r="AD19" s="280">
        <v>8.0577011503862941E-2</v>
      </c>
      <c r="AE19" s="33"/>
      <c r="AF19" s="71">
        <v>100188.89769371694</v>
      </c>
      <c r="AG19" s="280">
        <v>6.969577116392657E-2</v>
      </c>
      <c r="AH19" s="33"/>
      <c r="AI19" s="71">
        <v>140934.31139039568</v>
      </c>
      <c r="AJ19" s="280">
        <v>6.5247366384442451E-2</v>
      </c>
      <c r="AK19" s="33"/>
      <c r="AL19" s="71">
        <v>416871.90343879437</v>
      </c>
      <c r="AM19" s="72">
        <v>9.1060924375193322E-2</v>
      </c>
      <c r="AN19" s="33"/>
      <c r="AO19" s="71">
        <v>732553.66800000006</v>
      </c>
      <c r="AP19" s="72">
        <v>8.7999999999999995E-2</v>
      </c>
      <c r="AQ19" s="33"/>
      <c r="AR19" s="71">
        <v>818390.71579916531</v>
      </c>
      <c r="AS19" s="72">
        <v>7.1993347735611571E-2</v>
      </c>
      <c r="AT19" s="33"/>
      <c r="AU19" s="71">
        <v>698320</v>
      </c>
      <c r="AV19" s="72">
        <v>6.0199999999999997E-2</v>
      </c>
      <c r="AW19" s="101"/>
    </row>
    <row r="20" spans="2:49" x14ac:dyDescent="0.35">
      <c r="B20" s="47" t="s">
        <v>2357</v>
      </c>
      <c r="C20" s="16"/>
      <c r="D20" s="16"/>
      <c r="E20" s="16">
        <v>1</v>
      </c>
      <c r="F20" s="16"/>
      <c r="G20" s="16"/>
      <c r="H20" s="16"/>
      <c r="I20" s="16">
        <f t="shared" si="6"/>
        <v>1</v>
      </c>
      <c r="J20" s="33"/>
      <c r="K20" s="20" t="s">
        <v>2402</v>
      </c>
      <c r="L20" s="21">
        <v>1.03</v>
      </c>
      <c r="M20" s="16">
        <v>1</v>
      </c>
      <c r="N20" s="67"/>
      <c r="O20" s="34"/>
      <c r="P20" s="4" t="s">
        <v>2403</v>
      </c>
      <c r="Q20" s="45">
        <f>I48</f>
        <v>1</v>
      </c>
      <c r="S20" s="102" t="s">
        <v>2476</v>
      </c>
      <c r="T20" s="94">
        <f t="shared" si="0"/>
        <v>234890.51898399284</v>
      </c>
      <c r="U20" s="95">
        <f t="shared" si="1"/>
        <v>6.5247366384442451E-2</v>
      </c>
      <c r="V20" s="73">
        <f t="shared" si="2"/>
        <v>1</v>
      </c>
      <c r="W20" s="74">
        <f t="shared" si="3"/>
        <v>234890.51898399284</v>
      </c>
      <c r="X20" s="27">
        <f t="shared" si="4"/>
        <v>6.4662884068499502E-2</v>
      </c>
      <c r="Y20" s="33"/>
      <c r="Z20" s="71">
        <v>6964.4546254280813</v>
      </c>
      <c r="AA20" s="280">
        <v>1.629025311732633E-2</v>
      </c>
      <c r="AB20" s="33"/>
      <c r="AC20" s="71">
        <v>18435.412828854951</v>
      </c>
      <c r="AD20" s="280">
        <v>2.3323011002059808E-2</v>
      </c>
      <c r="AE20" s="33"/>
      <c r="AF20" s="71">
        <v>58864.002076355748</v>
      </c>
      <c r="AG20" s="280">
        <v>4.094836965916504E-2</v>
      </c>
      <c r="AH20" s="33"/>
      <c r="AI20" s="71">
        <v>39223.765890724084</v>
      </c>
      <c r="AJ20" s="280">
        <v>1.8159150875335223E-2</v>
      </c>
      <c r="AK20" s="33"/>
      <c r="AL20" s="71">
        <v>10539.451374105824</v>
      </c>
      <c r="AM20" s="72">
        <v>2.3022232408003644E-3</v>
      </c>
      <c r="AN20" s="33"/>
      <c r="AO20" s="71">
        <v>18313.841700000004</v>
      </c>
      <c r="AP20" s="72">
        <v>2.2000000000000001E-3</v>
      </c>
      <c r="AQ20" s="33"/>
      <c r="AR20" s="71">
        <v>59716.397818028745</v>
      </c>
      <c r="AS20" s="72">
        <v>5.2532162335606064E-3</v>
      </c>
      <c r="AT20" s="33"/>
      <c r="AU20" s="71">
        <v>58000</v>
      </c>
      <c r="AV20" s="72">
        <v>5.0000000000000001E-3</v>
      </c>
      <c r="AW20" s="101"/>
    </row>
    <row r="21" spans="2:49" x14ac:dyDescent="0.35">
      <c r="B21" s="47" t="s">
        <v>2358</v>
      </c>
      <c r="C21" s="16"/>
      <c r="D21" s="16"/>
      <c r="E21" s="16">
        <v>1</v>
      </c>
      <c r="F21" s="16"/>
      <c r="G21" s="16"/>
      <c r="H21" s="16"/>
      <c r="I21" s="16">
        <f t="shared" si="6"/>
        <v>1</v>
      </c>
      <c r="J21" s="33"/>
      <c r="K21" s="20" t="s">
        <v>2388</v>
      </c>
      <c r="L21" s="21">
        <v>1.04</v>
      </c>
      <c r="M21" s="16">
        <v>1</v>
      </c>
      <c r="N21" s="67"/>
      <c r="O21" s="34"/>
      <c r="P21" s="4" t="s">
        <v>2448</v>
      </c>
      <c r="Q21" s="45">
        <f>I10</f>
        <v>1</v>
      </c>
      <c r="S21" s="102" t="s">
        <v>2477</v>
      </c>
      <c r="T21" s="94">
        <f t="shared" si="0"/>
        <v>65372.943151206804</v>
      </c>
      <c r="U21" s="95">
        <f t="shared" si="1"/>
        <v>1.8159150875335223E-2</v>
      </c>
      <c r="V21" s="73">
        <f t="shared" si="2"/>
        <v>1</v>
      </c>
      <c r="W21" s="74">
        <f t="shared" si="3"/>
        <v>65372.943151206804</v>
      </c>
      <c r="X21" s="27">
        <f t="shared" si="4"/>
        <v>1.7996482201527966E-2</v>
      </c>
      <c r="Y21" s="33"/>
      <c r="Z21" s="33"/>
      <c r="AA21" s="33"/>
      <c r="AB21" s="33"/>
      <c r="AC21" s="33"/>
      <c r="AD21" s="33"/>
      <c r="AE21" s="33"/>
      <c r="AF21" s="33"/>
      <c r="AG21" s="33"/>
      <c r="AH21" s="33"/>
      <c r="AI21" s="33"/>
      <c r="AJ21" s="33"/>
      <c r="AK21" s="33"/>
      <c r="AL21" s="71">
        <v>182854.15038785295</v>
      </c>
      <c r="AM21" s="72">
        <v>3.9942408741881555E-2</v>
      </c>
      <c r="AN21" s="33"/>
      <c r="AO21" s="71">
        <v>321324.67710000003</v>
      </c>
      <c r="AP21" s="72">
        <v>3.8600000000000002E-2</v>
      </c>
      <c r="AQ21" s="33"/>
      <c r="AR21" s="71">
        <v>320089.41764557367</v>
      </c>
      <c r="AS21" s="72">
        <v>2.8158076950499409E-2</v>
      </c>
      <c r="AT21" s="33"/>
      <c r="AU21" s="71">
        <v>419920.00000000006</v>
      </c>
      <c r="AV21" s="72">
        <v>3.6200000000000003E-2</v>
      </c>
      <c r="AW21" s="101"/>
    </row>
    <row r="22" spans="2:49" x14ac:dyDescent="0.35">
      <c r="B22" s="47" t="s">
        <v>2359</v>
      </c>
      <c r="C22" s="16"/>
      <c r="D22" s="16"/>
      <c r="E22" s="16">
        <v>1</v>
      </c>
      <c r="F22" s="16"/>
      <c r="G22" s="16"/>
      <c r="H22" s="16"/>
      <c r="I22" s="16">
        <f t="shared" si="6"/>
        <v>1</v>
      </c>
      <c r="J22" s="33"/>
      <c r="K22" s="20" t="s">
        <v>2393</v>
      </c>
      <c r="L22" s="13">
        <v>1</v>
      </c>
      <c r="M22" s="16">
        <v>1</v>
      </c>
      <c r="N22" s="67"/>
      <c r="O22" s="34"/>
      <c r="P22" s="4" t="s">
        <v>2404</v>
      </c>
      <c r="Q22" s="45" t="str">
        <f>+IF($T$7="A","",IF($T$7="B","",IF($T$7="C","",IF($T$7="D","",IF($T$7="E",1,IF($T$7="F",1,IF($T$7="G",1,IF($T$7="H",1))))))))</f>
        <v/>
      </c>
      <c r="S22" s="102" t="s">
        <v>2478</v>
      </c>
      <c r="T22" s="258" t="str">
        <f>+IF($T$7="E",U22*$X$5,IF($T$7="F",U22*$X$5,IF($T$7="G",U22*$X$5,IF($T$7="H",U22*$X$5,IF($T$7="A","",IF($T$7="B","",IF($T$7="C","",IF($T$7="D",""))))))))</f>
        <v/>
      </c>
      <c r="U22" s="95" t="str">
        <f>+IF($T$7="A","",IF($T$7="B","",IF($T$7="C","",IF($T$7="D","",IF($T$7="E",AM21,IF($T$7="F",AP21,IF($T$7="G",AS21,IF($T$7="H",AV21))))))))</f>
        <v/>
      </c>
      <c r="V22" s="73" t="str">
        <f t="shared" si="2"/>
        <v/>
      </c>
      <c r="W22" s="74">
        <f>IF(Q22="",,V22*T22)</f>
        <v>0</v>
      </c>
      <c r="X22" s="27" t="str">
        <f>+IF(Q22="","",W22/$W$28)</f>
        <v/>
      </c>
      <c r="Y22" s="33"/>
      <c r="Z22" s="33"/>
      <c r="AA22" s="33"/>
      <c r="AB22" s="33"/>
      <c r="AC22" s="33"/>
      <c r="AD22" s="33"/>
      <c r="AE22" s="33"/>
      <c r="AF22" s="33"/>
      <c r="AG22" s="33"/>
      <c r="AH22" s="33"/>
      <c r="AI22" s="33"/>
      <c r="AJ22" s="33"/>
      <c r="AK22" s="33"/>
      <c r="AL22" s="71">
        <v>336842.72470279282</v>
      </c>
      <c r="AM22" s="72">
        <v>7.3579460806714111E-2</v>
      </c>
      <c r="AN22" s="33"/>
      <c r="AO22" s="71">
        <v>591870.06585000001</v>
      </c>
      <c r="AP22" s="72">
        <v>7.1099999999999997E-2</v>
      </c>
      <c r="AQ22" s="33"/>
      <c r="AR22" s="71">
        <v>768128.958023938</v>
      </c>
      <c r="AS22" s="72">
        <v>6.7571850600491326E-2</v>
      </c>
      <c r="AT22" s="33"/>
      <c r="AU22" s="71">
        <v>504599.99999999994</v>
      </c>
      <c r="AV22" s="72">
        <v>4.3499999999999997E-2</v>
      </c>
      <c r="AW22" s="101"/>
    </row>
    <row r="23" spans="2:49" x14ac:dyDescent="0.35">
      <c r="B23" s="47" t="s">
        <v>2352</v>
      </c>
      <c r="C23" s="16">
        <v>1</v>
      </c>
      <c r="D23" s="16"/>
      <c r="E23" s="16"/>
      <c r="F23" s="16"/>
      <c r="G23" s="16"/>
      <c r="H23" s="16"/>
      <c r="I23" s="16">
        <f t="shared" si="6"/>
        <v>1</v>
      </c>
      <c r="J23" s="33"/>
      <c r="K23" s="20" t="s">
        <v>2390</v>
      </c>
      <c r="L23" s="21">
        <v>1.03</v>
      </c>
      <c r="M23" s="16">
        <v>1</v>
      </c>
      <c r="N23" s="67"/>
      <c r="O23" s="34"/>
      <c r="P23" s="4" t="s">
        <v>2405</v>
      </c>
      <c r="Q23" s="45" t="str">
        <f>+IF($T$7="A","",IF($T$7="B","",IF($T$7="C","",IF($T$7="D","",IF($T$7="E",1,IF($T$7="F",1,IF($T$7="G",1,IF($T$7="H",1))))))))</f>
        <v/>
      </c>
      <c r="S23" s="102" t="s">
        <v>2479</v>
      </c>
      <c r="T23" s="258" t="str">
        <f>+IF($T$7="E",U23*$X$5,IF($T$7="F",U23*$X$5,IF($T$7="G",U23*$X$5,IF($T$7="H",U23*$X$5,IF($T$7="A","",IF($T$7="B","",IF($T$7="C","",IF($T$7="D",""))))))))</f>
        <v/>
      </c>
      <c r="U23" s="95" t="str">
        <f>+IF($T$7="A","",IF($T$7="B","",IF($T$7="C","",IF($T$7="D","",IF($T$7="E",AM22,IF($T$7="F",AP22,IF($T$7="G",AS22,IF($T$7="H",AV22))))))))</f>
        <v/>
      </c>
      <c r="V23" s="73" t="str">
        <f t="shared" si="2"/>
        <v/>
      </c>
      <c r="W23" s="74">
        <f>IF(Q23="",,V23*T23)</f>
        <v>0</v>
      </c>
      <c r="X23" s="27" t="str">
        <f>+IF(Q23="","",W23/$W$28)</f>
        <v/>
      </c>
      <c r="Y23" s="33"/>
      <c r="Z23" s="33"/>
      <c r="AA23" s="33"/>
      <c r="AB23" s="33"/>
      <c r="AC23" s="33"/>
      <c r="AD23" s="33"/>
      <c r="AE23" s="33"/>
      <c r="AF23" s="33"/>
      <c r="AG23" s="33"/>
      <c r="AH23" s="33"/>
      <c r="AI23" s="33"/>
      <c r="AJ23" s="33"/>
      <c r="AK23" s="33"/>
      <c r="AL23" s="33"/>
      <c r="AM23" s="33"/>
      <c r="AN23" s="33"/>
      <c r="AO23" s="33"/>
      <c r="AP23" s="33"/>
      <c r="AQ23" s="33"/>
      <c r="AR23" s="33"/>
      <c r="AS23" s="33"/>
      <c r="AT23" s="33"/>
      <c r="AU23" s="33"/>
      <c r="AV23" s="33"/>
      <c r="AW23" s="101"/>
    </row>
    <row r="24" spans="2:49" x14ac:dyDescent="0.35">
      <c r="B24" s="48" t="s">
        <v>2406</v>
      </c>
      <c r="C24" s="81"/>
      <c r="D24" s="7"/>
      <c r="E24" s="7"/>
      <c r="F24" s="7"/>
      <c r="G24" s="7"/>
      <c r="H24" s="7"/>
      <c r="I24" s="34"/>
      <c r="J24" s="33"/>
      <c r="K24" s="9" t="s">
        <v>2407</v>
      </c>
      <c r="L24" s="10"/>
      <c r="M24" s="11" t="s">
        <v>2370</v>
      </c>
      <c r="N24" s="25">
        <f>+M26*M27*M28*M29*M30*M31</f>
        <v>1</v>
      </c>
      <c r="O24" s="34"/>
      <c r="P24" s="33"/>
      <c r="Q24" s="49"/>
      <c r="S24" s="102" t="s">
        <v>2449</v>
      </c>
      <c r="T24" s="33"/>
      <c r="U24" s="33"/>
      <c r="V24" s="75"/>
      <c r="W24" s="74">
        <f>+SUM(W9:W23)</f>
        <v>3614108.1426502452</v>
      </c>
      <c r="X24" s="31"/>
      <c r="Y24" s="33"/>
      <c r="Z24" s="281">
        <v>10688.07</v>
      </c>
      <c r="AA24" s="1" t="s">
        <v>2704</v>
      </c>
      <c r="AC24" s="281">
        <v>13173.98</v>
      </c>
      <c r="AD24" s="1" t="s">
        <v>2705</v>
      </c>
      <c r="AF24" s="281">
        <v>17968.97</v>
      </c>
      <c r="AG24" s="1" t="s">
        <v>2706</v>
      </c>
      <c r="AI24" s="281">
        <v>18000</v>
      </c>
      <c r="AJ24" s="1" t="s">
        <v>2707</v>
      </c>
      <c r="AL24" s="281">
        <v>18311.78</v>
      </c>
      <c r="AM24" s="1" t="s">
        <v>2708</v>
      </c>
      <c r="AO24" s="281">
        <v>18498.830000000002</v>
      </c>
      <c r="AP24" s="1" t="s">
        <v>2709</v>
      </c>
      <c r="AR24" s="281">
        <v>18945.98</v>
      </c>
      <c r="AS24" s="1" t="s">
        <v>2710</v>
      </c>
      <c r="AU24" s="281">
        <v>16551.13</v>
      </c>
      <c r="AV24" s="1" t="s">
        <v>2711</v>
      </c>
      <c r="AW24" s="101"/>
    </row>
    <row r="25" spans="2:49" x14ac:dyDescent="0.35">
      <c r="B25" s="44"/>
      <c r="C25" s="13" t="s">
        <v>2372</v>
      </c>
      <c r="D25" s="13" t="s">
        <v>2373</v>
      </c>
      <c r="E25" s="13" t="s">
        <v>2374</v>
      </c>
      <c r="F25" s="13" t="s">
        <v>2375</v>
      </c>
      <c r="G25" s="13" t="s">
        <v>2376</v>
      </c>
      <c r="H25" s="13" t="s">
        <v>2377</v>
      </c>
      <c r="I25" s="13" t="s">
        <v>2370</v>
      </c>
      <c r="J25" s="33"/>
      <c r="K25" s="14"/>
      <c r="L25" s="15" t="s">
        <v>2378</v>
      </c>
      <c r="M25" s="16" t="s">
        <v>2379</v>
      </c>
      <c r="N25" s="83"/>
      <c r="O25" s="34"/>
      <c r="P25" s="33"/>
      <c r="Q25" s="49"/>
      <c r="S25" s="102" t="s">
        <v>2450</v>
      </c>
      <c r="T25" s="33"/>
      <c r="U25" s="33"/>
      <c r="V25" s="75"/>
      <c r="W25" s="74">
        <f>W24/X7</f>
        <v>18070.540713251226</v>
      </c>
      <c r="X25" s="31"/>
      <c r="Y25" s="33"/>
      <c r="Z25" s="33"/>
      <c r="AA25" s="33"/>
      <c r="AB25" s="33"/>
      <c r="AC25" s="33"/>
      <c r="AD25" s="33"/>
      <c r="AE25" s="33"/>
      <c r="AF25" s="33"/>
      <c r="AG25" s="33"/>
      <c r="AH25" s="33"/>
      <c r="AI25" s="33"/>
      <c r="AJ25" s="33"/>
      <c r="AK25" s="33"/>
      <c r="AL25" s="33"/>
      <c r="AM25" s="33"/>
      <c r="AN25" s="33"/>
      <c r="AO25" s="33"/>
      <c r="AP25" s="33"/>
      <c r="AQ25" s="33"/>
      <c r="AR25" s="33"/>
      <c r="AS25" s="33"/>
      <c r="AT25" s="33"/>
      <c r="AU25" s="33"/>
      <c r="AV25" s="33"/>
      <c r="AW25" s="101"/>
    </row>
    <row r="26" spans="2:49" x14ac:dyDescent="0.35">
      <c r="B26" s="46" t="s">
        <v>2378</v>
      </c>
      <c r="C26" s="19">
        <v>1</v>
      </c>
      <c r="D26" s="19">
        <v>0.95</v>
      </c>
      <c r="E26" s="19">
        <v>1</v>
      </c>
      <c r="F26" s="19">
        <v>1.1000000000000001</v>
      </c>
      <c r="G26" s="19">
        <v>1.1499999999999999</v>
      </c>
      <c r="H26" s="19">
        <v>1.2</v>
      </c>
      <c r="I26" s="25">
        <f>I27*I28*I29*I30*I31*I32*I33</f>
        <v>1</v>
      </c>
      <c r="J26" s="33"/>
      <c r="K26" s="20" t="s">
        <v>2408</v>
      </c>
      <c r="L26" s="21">
        <v>1.02</v>
      </c>
      <c r="M26" s="16">
        <v>1</v>
      </c>
      <c r="N26" s="67"/>
      <c r="O26" s="34"/>
      <c r="P26" s="80" t="s">
        <v>2462</v>
      </c>
      <c r="Q26" s="80" t="s">
        <v>2463</v>
      </c>
      <c r="S26" s="103" t="s">
        <v>2451</v>
      </c>
      <c r="T26" s="76"/>
      <c r="U26" s="77"/>
      <c r="V26" s="73">
        <f>+M33</f>
        <v>1.02</v>
      </c>
      <c r="W26" s="30">
        <f>IF(V26=1,0,V26*$W$25)</f>
        <v>18431.951527516252</v>
      </c>
      <c r="X26" s="27">
        <f t="shared" ref="X26:X27" si="7">+W26/$W$28</f>
        <v>5.0741219779126458E-3</v>
      </c>
      <c r="Y26" s="33"/>
      <c r="Z26" s="33"/>
      <c r="AA26" s="33"/>
      <c r="AB26" s="33"/>
      <c r="AC26" s="33"/>
      <c r="AD26" s="33"/>
      <c r="AE26" s="33"/>
      <c r="AF26" s="33"/>
      <c r="AG26" s="33"/>
      <c r="AH26" s="33"/>
      <c r="AI26" s="33"/>
      <c r="AJ26" s="33"/>
      <c r="AK26" s="33"/>
      <c r="AL26" s="33"/>
      <c r="AM26" s="33"/>
      <c r="AN26" s="33"/>
      <c r="AO26" s="33"/>
      <c r="AP26" s="33"/>
      <c r="AQ26" s="33"/>
      <c r="AR26" s="33"/>
      <c r="AS26" s="33"/>
      <c r="AT26" s="33"/>
      <c r="AU26" s="33"/>
      <c r="AV26" s="33"/>
      <c r="AW26" s="101"/>
    </row>
    <row r="27" spans="2:49" x14ac:dyDescent="0.35">
      <c r="B27" s="47" t="s">
        <v>2360</v>
      </c>
      <c r="C27" s="16"/>
      <c r="D27" s="16"/>
      <c r="E27" s="16">
        <v>1</v>
      </c>
      <c r="F27" s="16"/>
      <c r="G27" s="16"/>
      <c r="H27" s="16"/>
      <c r="I27" s="16">
        <f t="shared" ref="I27:I33" si="8">+SUM(C27:H27)</f>
        <v>1</v>
      </c>
      <c r="J27" s="33"/>
      <c r="K27" s="20" t="s">
        <v>2409</v>
      </c>
      <c r="L27" s="21">
        <v>1</v>
      </c>
      <c r="M27" s="16">
        <v>1</v>
      </c>
      <c r="N27" s="67"/>
      <c r="O27" s="34"/>
      <c r="P27" s="79" t="s">
        <v>2338</v>
      </c>
      <c r="Q27" s="32" t="s">
        <v>2722</v>
      </c>
      <c r="S27" s="103" t="s">
        <v>2452</v>
      </c>
      <c r="T27" s="76"/>
      <c r="U27" s="77"/>
      <c r="V27" s="73">
        <f>+M50</f>
        <v>1</v>
      </c>
      <c r="W27" s="30">
        <f>IF(V27=1,0,V27*W25)</f>
        <v>0</v>
      </c>
      <c r="X27" s="27">
        <f t="shared" si="7"/>
        <v>0</v>
      </c>
      <c r="Y27" s="33"/>
      <c r="Z27" s="33"/>
      <c r="AA27" s="33"/>
      <c r="AB27" s="33"/>
      <c r="AC27" s="33"/>
      <c r="AD27" s="33"/>
      <c r="AE27" s="33"/>
      <c r="AF27" s="33"/>
      <c r="AG27" s="33"/>
      <c r="AH27" s="33"/>
      <c r="AI27" s="33"/>
      <c r="AJ27" s="33"/>
      <c r="AK27" s="33"/>
      <c r="AL27" s="33"/>
      <c r="AM27" s="33"/>
      <c r="AN27" s="33"/>
      <c r="AO27" s="33"/>
      <c r="AP27" s="33"/>
      <c r="AQ27" s="33"/>
      <c r="AR27" s="33"/>
      <c r="AS27" s="33"/>
      <c r="AT27" s="33"/>
      <c r="AU27" s="33"/>
      <c r="AV27" s="33"/>
      <c r="AW27" s="101"/>
    </row>
    <row r="28" spans="2:49" x14ac:dyDescent="0.35">
      <c r="B28" s="47" t="s">
        <v>2361</v>
      </c>
      <c r="C28" s="16"/>
      <c r="D28" s="16"/>
      <c r="E28" s="16">
        <v>1</v>
      </c>
      <c r="F28" s="16"/>
      <c r="G28" s="16"/>
      <c r="H28" s="16"/>
      <c r="I28" s="16">
        <f t="shared" si="8"/>
        <v>1</v>
      </c>
      <c r="J28" s="33"/>
      <c r="K28" s="20" t="s">
        <v>2410</v>
      </c>
      <c r="L28" s="21">
        <v>1.03</v>
      </c>
      <c r="M28" s="16">
        <v>1</v>
      </c>
      <c r="N28" s="67"/>
      <c r="O28" s="34"/>
      <c r="P28" s="79" t="s">
        <v>2339</v>
      </c>
      <c r="Q28" s="32" t="s">
        <v>2722</v>
      </c>
      <c r="S28" s="104"/>
      <c r="T28" s="76"/>
      <c r="U28" s="77"/>
      <c r="V28" s="33"/>
      <c r="W28" s="30">
        <f>W24+W26+W27</f>
        <v>3632540.0941777616</v>
      </c>
      <c r="X28" s="27">
        <f>+SUM(X9:X27)</f>
        <v>1</v>
      </c>
      <c r="Y28" s="33"/>
      <c r="Z28" s="33"/>
      <c r="AA28" s="33"/>
      <c r="AB28" s="33"/>
      <c r="AC28" s="33"/>
      <c r="AD28" s="33"/>
      <c r="AE28" s="33"/>
      <c r="AF28" s="33"/>
      <c r="AG28" s="33"/>
      <c r="AH28" s="33"/>
      <c r="AI28" s="33"/>
      <c r="AJ28" s="33"/>
      <c r="AK28" s="33"/>
      <c r="AL28" s="33"/>
      <c r="AM28" s="33"/>
      <c r="AN28" s="33"/>
      <c r="AO28" s="33"/>
      <c r="AP28" s="33"/>
      <c r="AQ28" s="33"/>
      <c r="AR28" s="33"/>
      <c r="AS28" s="33"/>
      <c r="AT28" s="33"/>
      <c r="AU28" s="33"/>
      <c r="AV28" s="33"/>
      <c r="AW28" s="101"/>
    </row>
    <row r="29" spans="2:49" x14ac:dyDescent="0.35">
      <c r="B29" s="47" t="s">
        <v>2362</v>
      </c>
      <c r="C29" s="16"/>
      <c r="D29" s="16"/>
      <c r="E29" s="16">
        <v>1</v>
      </c>
      <c r="F29" s="16"/>
      <c r="G29" s="16"/>
      <c r="H29" s="16"/>
      <c r="I29" s="16">
        <f t="shared" si="8"/>
        <v>1</v>
      </c>
      <c r="J29" s="33"/>
      <c r="K29" s="20" t="s">
        <v>2388</v>
      </c>
      <c r="L29" s="21">
        <v>1.04</v>
      </c>
      <c r="M29" s="16">
        <v>1</v>
      </c>
      <c r="N29" s="67"/>
      <c r="O29" s="34"/>
      <c r="P29" s="79" t="s">
        <v>2340</v>
      </c>
      <c r="Q29" s="32" t="s">
        <v>2722</v>
      </c>
      <c r="S29" s="105"/>
      <c r="T29" s="33"/>
      <c r="U29" s="33"/>
      <c r="V29" s="33"/>
      <c r="W29" s="30">
        <f>+W28/X7</f>
        <v>18162.700470888809</v>
      </c>
      <c r="X29" s="33"/>
      <c r="Y29" s="33"/>
      <c r="Z29" s="33"/>
      <c r="AA29" s="33"/>
      <c r="AB29" s="33"/>
      <c r="AC29" s="33"/>
      <c r="AD29" s="33"/>
      <c r="AE29" s="33"/>
      <c r="AF29" s="33"/>
      <c r="AG29" s="33"/>
      <c r="AH29" s="33"/>
      <c r="AI29" s="33"/>
      <c r="AJ29" s="33"/>
      <c r="AK29" s="33"/>
      <c r="AL29" s="33"/>
      <c r="AM29" s="33"/>
      <c r="AN29" s="33"/>
      <c r="AO29" s="33"/>
      <c r="AP29" s="33"/>
      <c r="AQ29" s="33"/>
      <c r="AR29" s="33"/>
      <c r="AS29" s="33"/>
      <c r="AT29" s="33"/>
      <c r="AU29" s="33"/>
      <c r="AV29" s="33"/>
      <c r="AW29" s="101"/>
    </row>
    <row r="30" spans="2:49" x14ac:dyDescent="0.35">
      <c r="B30" s="47" t="s">
        <v>2363</v>
      </c>
      <c r="C30" s="16"/>
      <c r="D30" s="16"/>
      <c r="E30" s="16">
        <v>1</v>
      </c>
      <c r="F30" s="16"/>
      <c r="G30" s="16"/>
      <c r="H30" s="16"/>
      <c r="I30" s="16">
        <f t="shared" si="8"/>
        <v>1</v>
      </c>
      <c r="J30" s="33"/>
      <c r="K30" s="20" t="s">
        <v>2393</v>
      </c>
      <c r="L30" s="13">
        <v>1</v>
      </c>
      <c r="M30" s="16">
        <v>1</v>
      </c>
      <c r="N30" s="67"/>
      <c r="O30" s="34"/>
      <c r="P30" s="79" t="s">
        <v>2341</v>
      </c>
      <c r="Q30" s="32" t="s">
        <v>2742</v>
      </c>
      <c r="S30" s="105"/>
      <c r="T30" s="33"/>
      <c r="U30" s="33"/>
      <c r="V30" s="35" t="s">
        <v>2453</v>
      </c>
      <c r="W30" s="78">
        <f>+C6</f>
        <v>0</v>
      </c>
      <c r="X30" s="33"/>
      <c r="Y30" s="33"/>
      <c r="Z30" s="33"/>
      <c r="AA30" s="33"/>
      <c r="AB30" s="33"/>
      <c r="AC30" s="33"/>
      <c r="AD30" s="33"/>
      <c r="AE30" s="33"/>
      <c r="AF30" s="33"/>
      <c r="AG30" s="33"/>
      <c r="AH30" s="33"/>
      <c r="AI30" s="33"/>
      <c r="AJ30" s="33"/>
      <c r="AK30" s="33"/>
      <c r="AL30" s="33"/>
      <c r="AM30" s="33"/>
      <c r="AN30" s="33"/>
      <c r="AO30" s="33"/>
      <c r="AP30" s="33"/>
      <c r="AQ30" s="33"/>
      <c r="AR30" s="33"/>
      <c r="AS30" s="33"/>
      <c r="AT30" s="33"/>
      <c r="AU30" s="33"/>
      <c r="AV30" s="33"/>
      <c r="AW30" s="101"/>
    </row>
    <row r="31" spans="2:49" x14ac:dyDescent="0.35">
      <c r="B31" s="47" t="s">
        <v>2364</v>
      </c>
      <c r="C31" s="16"/>
      <c r="D31" s="16"/>
      <c r="E31" s="16">
        <v>1</v>
      </c>
      <c r="F31" s="16"/>
      <c r="G31" s="16"/>
      <c r="H31" s="16"/>
      <c r="I31" s="16">
        <f t="shared" si="8"/>
        <v>1</v>
      </c>
      <c r="J31" s="33"/>
      <c r="K31" s="20" t="s">
        <v>2390</v>
      </c>
      <c r="L31" s="21">
        <v>1.03</v>
      </c>
      <c r="M31" s="16">
        <v>1</v>
      </c>
      <c r="N31" s="67"/>
      <c r="O31" s="34"/>
      <c r="P31" s="79" t="s">
        <v>2342</v>
      </c>
      <c r="Q31" s="32" t="s">
        <v>2743</v>
      </c>
      <c r="S31" s="105"/>
      <c r="T31" s="33"/>
      <c r="U31" s="33"/>
      <c r="V31" s="35" t="s">
        <v>2454</v>
      </c>
      <c r="W31" s="74">
        <f>W29*W30</f>
        <v>0</v>
      </c>
      <c r="X31" s="33"/>
      <c r="Y31" s="33"/>
      <c r="Z31" s="33"/>
      <c r="AA31" s="33"/>
      <c r="AB31" s="33"/>
      <c r="AC31" s="33"/>
      <c r="AD31" s="33"/>
      <c r="AE31" s="33"/>
      <c r="AF31" s="33"/>
      <c r="AG31" s="33"/>
      <c r="AH31" s="33"/>
      <c r="AI31" s="33"/>
      <c r="AJ31" s="33"/>
      <c r="AK31" s="33"/>
      <c r="AL31" s="33"/>
      <c r="AM31" s="33"/>
      <c r="AN31" s="33"/>
      <c r="AO31" s="33"/>
      <c r="AP31" s="33"/>
      <c r="AQ31" s="33"/>
      <c r="AR31" s="33"/>
      <c r="AS31" s="33"/>
      <c r="AT31" s="33"/>
      <c r="AU31" s="33"/>
      <c r="AV31" s="33"/>
      <c r="AW31" s="101"/>
    </row>
    <row r="32" spans="2:49" x14ac:dyDescent="0.35">
      <c r="B32" s="47" t="s">
        <v>2365</v>
      </c>
      <c r="C32" s="16"/>
      <c r="D32" s="16"/>
      <c r="E32" s="16">
        <v>1</v>
      </c>
      <c r="F32" s="16"/>
      <c r="G32" s="16"/>
      <c r="H32" s="16"/>
      <c r="I32" s="16">
        <f t="shared" si="8"/>
        <v>1</v>
      </c>
      <c r="J32" s="33"/>
      <c r="K32" s="35"/>
      <c r="L32" s="34"/>
      <c r="M32" s="34"/>
      <c r="N32" s="34"/>
      <c r="O32" s="34"/>
      <c r="P32" s="79" t="s">
        <v>2343</v>
      </c>
      <c r="Q32" s="32" t="s">
        <v>2722</v>
      </c>
      <c r="S32" s="106"/>
      <c r="T32" s="107"/>
      <c r="U32" s="107"/>
      <c r="V32" s="108" t="s">
        <v>2455</v>
      </c>
      <c r="W32" s="109">
        <f>W31*X7</f>
        <v>0</v>
      </c>
      <c r="X32" s="107"/>
      <c r="Y32" s="107"/>
      <c r="Z32" s="107"/>
      <c r="AA32" s="107"/>
      <c r="AB32" s="107"/>
      <c r="AC32" s="107"/>
      <c r="AD32" s="107"/>
      <c r="AE32" s="107"/>
      <c r="AF32" s="107"/>
      <c r="AG32" s="107"/>
      <c r="AH32" s="107"/>
      <c r="AI32" s="107"/>
      <c r="AJ32" s="107"/>
      <c r="AK32" s="107"/>
      <c r="AL32" s="107"/>
      <c r="AM32" s="107"/>
      <c r="AN32" s="107"/>
      <c r="AO32" s="107"/>
      <c r="AP32" s="107"/>
      <c r="AQ32" s="107"/>
      <c r="AR32" s="107"/>
      <c r="AS32" s="107"/>
      <c r="AT32" s="107"/>
      <c r="AU32" s="107"/>
      <c r="AV32" s="107"/>
      <c r="AW32" s="110"/>
    </row>
    <row r="33" spans="2:17" x14ac:dyDescent="0.35">
      <c r="B33" s="47" t="s">
        <v>2352</v>
      </c>
      <c r="C33" s="16">
        <v>1</v>
      </c>
      <c r="D33" s="16"/>
      <c r="E33" s="16"/>
      <c r="F33" s="16"/>
      <c r="G33" s="16"/>
      <c r="H33" s="16"/>
      <c r="I33" s="16">
        <f t="shared" si="8"/>
        <v>1</v>
      </c>
      <c r="J33" s="33"/>
      <c r="K33" s="23" t="s">
        <v>2411</v>
      </c>
      <c r="L33" s="24" t="s">
        <v>2412</v>
      </c>
      <c r="M33" s="25">
        <f>M34*M35*M36*M37*M38*M39*M40*M41*M42*M43*M44*M45*M46*M47*M48</f>
        <v>1.02</v>
      </c>
      <c r="N33" s="34"/>
      <c r="O33" s="34"/>
      <c r="P33" s="79" t="s">
        <v>2344</v>
      </c>
      <c r="Q33" s="32" t="s">
        <v>2722</v>
      </c>
    </row>
    <row r="34" spans="2:17" x14ac:dyDescent="0.35">
      <c r="B34" s="50"/>
      <c r="I34" s="34"/>
      <c r="J34" s="33"/>
      <c r="K34" s="14" t="s">
        <v>2413</v>
      </c>
      <c r="L34" s="16">
        <v>1.03</v>
      </c>
      <c r="M34" s="16">
        <v>1</v>
      </c>
      <c r="N34" s="34"/>
      <c r="O34" s="34"/>
      <c r="P34" s="79" t="s">
        <v>2345</v>
      </c>
      <c r="Q34" s="32" t="s">
        <v>2725</v>
      </c>
    </row>
    <row r="35" spans="2:17" x14ac:dyDescent="0.35">
      <c r="B35" s="51" t="s">
        <v>2397</v>
      </c>
      <c r="C35" s="19" t="s">
        <v>2372</v>
      </c>
      <c r="D35" s="19" t="s">
        <v>2373</v>
      </c>
      <c r="E35" s="19" t="s">
        <v>2374</v>
      </c>
      <c r="F35" s="19" t="s">
        <v>2375</v>
      </c>
      <c r="G35" s="19" t="s">
        <v>2376</v>
      </c>
      <c r="H35" s="19" t="s">
        <v>2377</v>
      </c>
      <c r="I35" s="13" t="s">
        <v>2370</v>
      </c>
      <c r="J35" s="33"/>
      <c r="K35" s="14" t="s">
        <v>2414</v>
      </c>
      <c r="L35" s="16">
        <v>1.05</v>
      </c>
      <c r="M35" s="16">
        <v>1</v>
      </c>
      <c r="N35" s="34"/>
      <c r="O35" s="34"/>
      <c r="P35" s="79" t="s">
        <v>2346</v>
      </c>
      <c r="Q35" s="32" t="s">
        <v>2725</v>
      </c>
    </row>
    <row r="36" spans="2:17" x14ac:dyDescent="0.35">
      <c r="B36" s="26"/>
      <c r="C36" s="16">
        <v>1</v>
      </c>
      <c r="D36" s="16">
        <v>1</v>
      </c>
      <c r="E36" s="16">
        <v>1</v>
      </c>
      <c r="F36" s="16">
        <v>1</v>
      </c>
      <c r="G36" s="16">
        <v>1</v>
      </c>
      <c r="H36" s="16">
        <v>1</v>
      </c>
      <c r="I36" s="82">
        <v>1</v>
      </c>
      <c r="J36" s="33"/>
      <c r="K36" s="14" t="s">
        <v>2415</v>
      </c>
      <c r="L36" s="16">
        <v>1.02</v>
      </c>
      <c r="M36" s="16">
        <v>1</v>
      </c>
      <c r="N36" s="34"/>
      <c r="O36" s="34"/>
      <c r="P36" s="33"/>
      <c r="Q36" s="49"/>
    </row>
    <row r="37" spans="2:17" x14ac:dyDescent="0.35">
      <c r="B37" s="50"/>
      <c r="I37" s="28"/>
      <c r="J37" s="36"/>
      <c r="K37" s="14" t="s">
        <v>2416</v>
      </c>
      <c r="L37" s="16">
        <v>1.01</v>
      </c>
      <c r="M37" s="16">
        <v>1</v>
      </c>
      <c r="N37" s="34"/>
      <c r="O37" s="34"/>
      <c r="P37" s="33"/>
      <c r="Q37" s="49"/>
    </row>
    <row r="38" spans="2:17" x14ac:dyDescent="0.35">
      <c r="B38" s="52" t="s">
        <v>2417</v>
      </c>
      <c r="C38" s="19" t="s">
        <v>2372</v>
      </c>
      <c r="D38" s="19" t="s">
        <v>2373</v>
      </c>
      <c r="E38" s="19" t="s">
        <v>2374</v>
      </c>
      <c r="F38" s="19" t="s">
        <v>2375</v>
      </c>
      <c r="G38" s="19" t="s">
        <v>2376</v>
      </c>
      <c r="H38" s="19" t="s">
        <v>2377</v>
      </c>
      <c r="I38" s="13" t="s">
        <v>2370</v>
      </c>
      <c r="J38" s="36"/>
      <c r="K38" s="14" t="s">
        <v>2418</v>
      </c>
      <c r="L38" s="16">
        <v>1.01</v>
      </c>
      <c r="M38" s="16">
        <v>1</v>
      </c>
      <c r="N38" s="36"/>
      <c r="O38" s="36"/>
      <c r="P38" s="33"/>
      <c r="Q38" s="49"/>
    </row>
    <row r="39" spans="2:17" x14ac:dyDescent="0.35">
      <c r="B39" s="47" t="s">
        <v>2419</v>
      </c>
      <c r="C39" s="17"/>
      <c r="D39" s="17"/>
      <c r="E39" s="17"/>
      <c r="F39" s="17"/>
      <c r="G39" s="17"/>
      <c r="H39" s="17"/>
      <c r="I39" s="17">
        <v>1</v>
      </c>
      <c r="J39" s="36"/>
      <c r="K39" s="14" t="s">
        <v>2420</v>
      </c>
      <c r="L39" s="16">
        <v>1.01</v>
      </c>
      <c r="M39" s="16">
        <v>1</v>
      </c>
      <c r="N39" s="36"/>
      <c r="O39" s="36"/>
      <c r="P39" s="33"/>
      <c r="Q39" s="49"/>
    </row>
    <row r="40" spans="2:17" x14ac:dyDescent="0.35">
      <c r="B40" s="47" t="s">
        <v>2421</v>
      </c>
      <c r="C40" s="17"/>
      <c r="D40" s="17"/>
      <c r="E40" s="17"/>
      <c r="F40" s="17"/>
      <c r="G40" s="17"/>
      <c r="H40" s="17"/>
      <c r="I40" s="17">
        <v>1</v>
      </c>
      <c r="J40" s="33"/>
      <c r="K40" s="14" t="s">
        <v>2422</v>
      </c>
      <c r="L40" s="16">
        <v>1.05</v>
      </c>
      <c r="M40" s="16">
        <v>1</v>
      </c>
      <c r="N40" s="36"/>
      <c r="O40" s="36"/>
      <c r="P40" s="33"/>
      <c r="Q40" s="49"/>
    </row>
    <row r="41" spans="2:17" x14ac:dyDescent="0.35">
      <c r="B41" s="47" t="s">
        <v>2423</v>
      </c>
      <c r="C41" s="17"/>
      <c r="D41" s="17"/>
      <c r="E41" s="17"/>
      <c r="F41" s="17"/>
      <c r="G41" s="17"/>
      <c r="H41" s="17"/>
      <c r="I41" s="17">
        <v>1</v>
      </c>
      <c r="J41" s="33"/>
      <c r="K41" s="14" t="s">
        <v>2481</v>
      </c>
      <c r="L41" s="16">
        <v>1.02</v>
      </c>
      <c r="M41" s="16">
        <v>1</v>
      </c>
      <c r="N41" s="34"/>
      <c r="O41" s="34"/>
      <c r="P41" s="33"/>
      <c r="Q41" s="49"/>
    </row>
    <row r="42" spans="2:17" x14ac:dyDescent="0.35">
      <c r="B42" s="47" t="s">
        <v>2424</v>
      </c>
      <c r="C42" s="17"/>
      <c r="D42" s="17"/>
      <c r="E42" s="17"/>
      <c r="F42" s="17"/>
      <c r="G42" s="17"/>
      <c r="H42" s="17"/>
      <c r="I42" s="17">
        <v>1</v>
      </c>
      <c r="J42" s="33"/>
      <c r="K42" s="14" t="s">
        <v>2425</v>
      </c>
      <c r="L42" s="16">
        <v>1.02</v>
      </c>
      <c r="M42" s="16">
        <v>1</v>
      </c>
      <c r="N42" s="34"/>
      <c r="O42" s="34"/>
      <c r="P42" s="33"/>
      <c r="Q42" s="49"/>
    </row>
    <row r="43" spans="2:17" x14ac:dyDescent="0.35">
      <c r="B43" s="53"/>
      <c r="C43" s="34"/>
      <c r="D43" s="34"/>
      <c r="E43" s="34"/>
      <c r="F43" s="34"/>
      <c r="G43" s="34"/>
      <c r="H43" s="34"/>
      <c r="I43" s="28"/>
      <c r="J43" s="33"/>
      <c r="K43" s="14" t="s">
        <v>2426</v>
      </c>
      <c r="L43" s="16">
        <v>1.02</v>
      </c>
      <c r="M43" s="16">
        <v>1.02</v>
      </c>
      <c r="N43" s="34"/>
      <c r="O43" s="34"/>
      <c r="P43" s="33"/>
      <c r="Q43" s="49"/>
    </row>
    <row r="44" spans="2:17" x14ac:dyDescent="0.35">
      <c r="B44" s="46" t="s">
        <v>2399</v>
      </c>
      <c r="C44" s="19" t="s">
        <v>2372</v>
      </c>
      <c r="D44" s="19" t="s">
        <v>2373</v>
      </c>
      <c r="E44" s="19" t="s">
        <v>2374</v>
      </c>
      <c r="F44" s="19" t="s">
        <v>2375</v>
      </c>
      <c r="G44" s="19" t="s">
        <v>2376</v>
      </c>
      <c r="H44" s="19" t="s">
        <v>2377</v>
      </c>
      <c r="I44" s="13" t="s">
        <v>2370</v>
      </c>
      <c r="J44" s="33"/>
      <c r="K44" s="14" t="s">
        <v>2427</v>
      </c>
      <c r="L44" s="16">
        <v>1.02</v>
      </c>
      <c r="M44" s="16">
        <v>1</v>
      </c>
      <c r="N44" s="34"/>
      <c r="O44" s="34"/>
      <c r="P44" s="33"/>
      <c r="Q44" s="49"/>
    </row>
    <row r="45" spans="2:17" x14ac:dyDescent="0.35">
      <c r="B45" s="47"/>
      <c r="C45" s="17">
        <v>1</v>
      </c>
      <c r="D45" s="17">
        <v>1</v>
      </c>
      <c r="E45" s="17">
        <v>1</v>
      </c>
      <c r="F45" s="17">
        <v>1</v>
      </c>
      <c r="G45" s="17">
        <v>1</v>
      </c>
      <c r="H45" s="17">
        <v>1</v>
      </c>
      <c r="I45" s="82">
        <v>1</v>
      </c>
      <c r="J45" s="33"/>
      <c r="K45" s="14" t="s">
        <v>2428</v>
      </c>
      <c r="L45" s="16">
        <v>1.01</v>
      </c>
      <c r="M45" s="16">
        <v>1</v>
      </c>
      <c r="N45" s="34"/>
      <c r="O45" s="34"/>
      <c r="P45" s="33"/>
      <c r="Q45" s="49"/>
    </row>
    <row r="46" spans="2:17" x14ac:dyDescent="0.35">
      <c r="B46" s="53"/>
      <c r="C46" s="34"/>
      <c r="D46" s="34"/>
      <c r="E46" s="34"/>
      <c r="F46" s="34"/>
      <c r="G46" s="34"/>
      <c r="H46" s="34"/>
      <c r="I46" s="28"/>
      <c r="J46" s="33"/>
      <c r="K46" s="14" t="s">
        <v>2429</v>
      </c>
      <c r="L46" s="16">
        <v>1.01</v>
      </c>
      <c r="M46" s="16">
        <v>1</v>
      </c>
      <c r="N46" s="34"/>
      <c r="O46" s="34"/>
      <c r="P46" s="33"/>
      <c r="Q46" s="49"/>
    </row>
    <row r="47" spans="2:17" x14ac:dyDescent="0.35">
      <c r="B47" s="46" t="s">
        <v>2403</v>
      </c>
      <c r="C47" s="19" t="s">
        <v>2372</v>
      </c>
      <c r="D47" s="19" t="s">
        <v>2373</v>
      </c>
      <c r="E47" s="19" t="s">
        <v>2374</v>
      </c>
      <c r="F47" s="19" t="s">
        <v>2375</v>
      </c>
      <c r="G47" s="19" t="s">
        <v>2376</v>
      </c>
      <c r="H47" s="19" t="s">
        <v>2377</v>
      </c>
      <c r="I47" s="13" t="s">
        <v>2370</v>
      </c>
      <c r="J47" s="33"/>
      <c r="K47" s="14" t="s">
        <v>2430</v>
      </c>
      <c r="L47" s="16">
        <v>1.06</v>
      </c>
      <c r="M47" s="16">
        <v>1</v>
      </c>
      <c r="N47" s="34"/>
      <c r="O47" s="34"/>
      <c r="P47" s="33"/>
      <c r="Q47" s="49"/>
    </row>
    <row r="48" spans="2:17" x14ac:dyDescent="0.35">
      <c r="B48" s="54"/>
      <c r="C48" s="17">
        <v>1</v>
      </c>
      <c r="D48" s="17">
        <v>1</v>
      </c>
      <c r="E48" s="17">
        <v>1</v>
      </c>
      <c r="F48" s="17">
        <v>1</v>
      </c>
      <c r="G48" s="17">
        <v>1</v>
      </c>
      <c r="H48" s="17">
        <v>1</v>
      </c>
      <c r="I48" s="82">
        <v>1</v>
      </c>
      <c r="J48" s="33"/>
      <c r="K48" s="14" t="s">
        <v>2431</v>
      </c>
      <c r="L48" s="16">
        <v>1.05</v>
      </c>
      <c r="M48" s="16">
        <v>1</v>
      </c>
      <c r="N48" s="34"/>
      <c r="O48" s="34"/>
      <c r="P48" s="33"/>
      <c r="Q48" s="49"/>
    </row>
    <row r="49" spans="2:17" x14ac:dyDescent="0.35">
      <c r="B49" s="53"/>
      <c r="I49" s="64"/>
      <c r="J49" s="33"/>
      <c r="K49" s="35"/>
      <c r="L49" s="34"/>
      <c r="M49" s="34"/>
      <c r="N49" s="34"/>
      <c r="O49" s="34"/>
      <c r="P49" s="33"/>
      <c r="Q49" s="49"/>
    </row>
    <row r="50" spans="2:17" x14ac:dyDescent="0.35">
      <c r="B50" s="65"/>
      <c r="I50" s="63"/>
      <c r="J50" s="33"/>
      <c r="K50" s="23" t="s">
        <v>2432</v>
      </c>
      <c r="L50" s="24" t="s">
        <v>2412</v>
      </c>
      <c r="M50" s="38">
        <f>M51*M52*M53*M54*M55*M56*M57*M58*M59*M60</f>
        <v>1</v>
      </c>
      <c r="N50" s="34"/>
      <c r="O50" s="34"/>
      <c r="P50" s="33"/>
      <c r="Q50" s="49"/>
    </row>
    <row r="51" spans="2:17" x14ac:dyDescent="0.35">
      <c r="B51" s="66"/>
      <c r="C51" s="34"/>
      <c r="D51" s="34"/>
      <c r="E51" s="34"/>
      <c r="F51" s="34"/>
      <c r="G51" s="34"/>
      <c r="H51" s="34"/>
      <c r="I51" s="62"/>
      <c r="J51" s="33"/>
      <c r="K51" s="20" t="s">
        <v>2433</v>
      </c>
      <c r="L51" s="29">
        <v>1.02</v>
      </c>
      <c r="M51" s="16">
        <v>1</v>
      </c>
      <c r="N51" s="34"/>
      <c r="O51" s="34"/>
      <c r="P51" s="33"/>
      <c r="Q51" s="49"/>
    </row>
    <row r="52" spans="2:17" x14ac:dyDescent="0.35">
      <c r="B52" s="46" t="s">
        <v>2464</v>
      </c>
      <c r="C52" s="86"/>
      <c r="D52" s="34"/>
      <c r="E52" s="34"/>
      <c r="F52" s="34"/>
      <c r="G52" s="34"/>
      <c r="H52" s="34"/>
      <c r="I52" s="61"/>
      <c r="J52" s="33"/>
      <c r="K52" s="20" t="s">
        <v>2434</v>
      </c>
      <c r="L52" s="29">
        <v>1.04</v>
      </c>
      <c r="M52" s="16">
        <v>1</v>
      </c>
      <c r="N52" s="34"/>
      <c r="O52" s="34"/>
      <c r="P52" s="33"/>
      <c r="Q52" s="49"/>
    </row>
    <row r="53" spans="2:17" x14ac:dyDescent="0.35">
      <c r="B53" s="37"/>
      <c r="C53" s="34"/>
      <c r="D53" s="34"/>
      <c r="E53" s="34"/>
      <c r="F53" s="34"/>
      <c r="G53" s="34"/>
      <c r="H53" s="34"/>
      <c r="J53" s="33"/>
      <c r="K53" s="20" t="s">
        <v>2435</v>
      </c>
      <c r="L53" s="29">
        <v>1.02</v>
      </c>
      <c r="M53" s="16">
        <v>1</v>
      </c>
      <c r="N53" s="34"/>
      <c r="O53" s="34"/>
      <c r="P53" s="33"/>
      <c r="Q53" s="49"/>
    </row>
    <row r="54" spans="2:17" s="8" customFormat="1" x14ac:dyDescent="0.35">
      <c r="B54" s="67"/>
      <c r="C54" s="34"/>
      <c r="D54" s="34"/>
      <c r="E54" s="34"/>
      <c r="F54" s="34"/>
      <c r="G54" s="34"/>
      <c r="H54" s="34"/>
      <c r="J54" s="33"/>
      <c r="K54" s="20" t="s">
        <v>2436</v>
      </c>
      <c r="L54" s="29">
        <v>1.02</v>
      </c>
      <c r="M54" s="16">
        <v>1</v>
      </c>
      <c r="N54" s="34"/>
      <c r="O54" s="34"/>
      <c r="P54" s="33"/>
      <c r="Q54" s="49"/>
    </row>
    <row r="55" spans="2:17" s="8" customFormat="1" x14ac:dyDescent="0.35">
      <c r="B55" s="53"/>
      <c r="C55" s="34"/>
      <c r="D55" s="34"/>
      <c r="E55" s="34"/>
      <c r="F55" s="34"/>
      <c r="G55" s="34"/>
      <c r="H55" s="34"/>
      <c r="I55" s="34"/>
      <c r="J55" s="33"/>
      <c r="K55" s="20" t="s">
        <v>2437</v>
      </c>
      <c r="L55" s="29">
        <v>1.03</v>
      </c>
      <c r="M55" s="16">
        <v>1</v>
      </c>
      <c r="N55" s="34"/>
      <c r="O55" s="34"/>
      <c r="P55" s="33"/>
      <c r="Q55" s="49"/>
    </row>
    <row r="56" spans="2:17" s="8" customFormat="1" x14ac:dyDescent="0.35">
      <c r="B56" s="53"/>
      <c r="I56" s="34"/>
      <c r="J56" s="33"/>
      <c r="K56" s="20" t="s">
        <v>2438</v>
      </c>
      <c r="L56" s="29">
        <v>1.02</v>
      </c>
      <c r="M56" s="16">
        <v>1</v>
      </c>
      <c r="N56" s="34"/>
      <c r="O56" s="34"/>
      <c r="P56" s="33"/>
      <c r="Q56" s="49"/>
    </row>
    <row r="57" spans="2:17" s="8" customFormat="1" x14ac:dyDescent="0.35">
      <c r="B57" s="53"/>
      <c r="I57" s="34"/>
      <c r="J57" s="33"/>
      <c r="K57" s="20" t="s">
        <v>2439</v>
      </c>
      <c r="L57" s="29">
        <v>1.03</v>
      </c>
      <c r="M57" s="16">
        <v>1</v>
      </c>
      <c r="N57" s="34"/>
      <c r="O57" s="34"/>
      <c r="P57" s="33"/>
      <c r="Q57" s="49"/>
    </row>
    <row r="58" spans="2:17" s="8" customFormat="1" x14ac:dyDescent="0.35">
      <c r="B58" s="53"/>
      <c r="I58" s="34"/>
      <c r="J58" s="33"/>
      <c r="K58" s="20" t="s">
        <v>2440</v>
      </c>
      <c r="L58" s="29">
        <v>1.03</v>
      </c>
      <c r="M58" s="16">
        <v>1</v>
      </c>
      <c r="N58" s="34"/>
      <c r="O58" s="34"/>
      <c r="P58" s="33"/>
      <c r="Q58" s="49"/>
    </row>
    <row r="59" spans="2:17" s="8" customFormat="1" x14ac:dyDescent="0.35">
      <c r="B59" s="53"/>
      <c r="I59" s="34"/>
      <c r="J59" s="33"/>
      <c r="K59" s="20" t="s">
        <v>2441</v>
      </c>
      <c r="L59" s="29">
        <v>1.02</v>
      </c>
      <c r="M59" s="16">
        <v>1</v>
      </c>
      <c r="N59" s="34"/>
      <c r="O59" s="34"/>
      <c r="P59" s="33"/>
      <c r="Q59" s="49"/>
    </row>
    <row r="60" spans="2:17" s="8" customFormat="1" x14ac:dyDescent="0.35">
      <c r="B60" s="55"/>
      <c r="C60" s="56"/>
      <c r="D60" s="56"/>
      <c r="E60" s="56"/>
      <c r="F60" s="56"/>
      <c r="G60" s="56"/>
      <c r="H60" s="56"/>
      <c r="I60" s="56"/>
      <c r="J60" s="57"/>
      <c r="K60" s="58" t="s">
        <v>2442</v>
      </c>
      <c r="L60" s="59">
        <v>1.02</v>
      </c>
      <c r="M60" s="16">
        <v>1</v>
      </c>
      <c r="N60" s="56"/>
      <c r="O60" s="56"/>
      <c r="P60" s="57"/>
      <c r="Q60" s="60"/>
    </row>
    <row r="62" spans="2:17" x14ac:dyDescent="0.35">
      <c r="B62" s="19" t="s">
        <v>2697</v>
      </c>
      <c r="C62" s="19" t="s">
        <v>2681</v>
      </c>
      <c r="D62" s="194"/>
      <c r="E62" s="194"/>
      <c r="F62" s="194"/>
      <c r="G62" s="194"/>
      <c r="H62" s="194"/>
      <c r="I62" s="194"/>
    </row>
    <row r="63" spans="2:17" x14ac:dyDescent="0.35">
      <c r="B63" s="20" t="s">
        <v>2353</v>
      </c>
      <c r="C63" s="223" t="s">
        <v>2374</v>
      </c>
      <c r="D63" s="194"/>
      <c r="E63" s="194"/>
      <c r="F63" s="194"/>
      <c r="G63" s="194"/>
      <c r="H63" s="194"/>
      <c r="I63" s="194"/>
    </row>
    <row r="64" spans="2:17" x14ac:dyDescent="0.35">
      <c r="B64" s="20" t="s">
        <v>2354</v>
      </c>
      <c r="C64" s="223" t="s">
        <v>2374</v>
      </c>
      <c r="D64" s="194"/>
      <c r="E64" s="194"/>
      <c r="F64" s="194"/>
      <c r="G64" s="194"/>
      <c r="H64" s="194"/>
      <c r="I64" s="194"/>
    </row>
    <row r="65" spans="2:9" x14ac:dyDescent="0.35">
      <c r="B65" s="20" t="s">
        <v>2387</v>
      </c>
      <c r="C65" s="223" t="s">
        <v>2374</v>
      </c>
      <c r="D65" s="194"/>
      <c r="E65" s="194"/>
      <c r="F65" s="194"/>
      <c r="G65" s="194"/>
      <c r="H65" s="194"/>
      <c r="I65" s="194"/>
    </row>
    <row r="66" spans="2:9" x14ac:dyDescent="0.35">
      <c r="B66" s="20" t="s">
        <v>2352</v>
      </c>
      <c r="C66" s="223" t="s">
        <v>2744</v>
      </c>
      <c r="D66" s="194"/>
      <c r="E66" s="194"/>
      <c r="F66" s="194"/>
      <c r="G66" s="194"/>
      <c r="H66" s="194"/>
      <c r="I66" s="194"/>
    </row>
    <row r="67" spans="2:9" x14ac:dyDescent="0.35">
      <c r="C67" s="224"/>
      <c r="D67" s="194"/>
      <c r="E67" s="194"/>
      <c r="F67" s="194"/>
      <c r="G67" s="194"/>
      <c r="H67" s="194"/>
      <c r="I67" s="194"/>
    </row>
    <row r="68" spans="2:9" x14ac:dyDescent="0.35">
      <c r="B68" s="47" t="s">
        <v>2355</v>
      </c>
      <c r="C68" s="225" t="s">
        <v>2374</v>
      </c>
      <c r="D68" s="194"/>
      <c r="E68" s="194"/>
      <c r="F68" s="194"/>
      <c r="G68" s="194"/>
      <c r="H68" s="194"/>
      <c r="I68" s="194"/>
    </row>
    <row r="69" spans="2:9" x14ac:dyDescent="0.35">
      <c r="B69" s="47" t="s">
        <v>2356</v>
      </c>
      <c r="C69" s="225" t="s">
        <v>2374</v>
      </c>
    </row>
    <row r="70" spans="2:9" x14ac:dyDescent="0.35">
      <c r="B70" s="47" t="s">
        <v>2357</v>
      </c>
      <c r="C70" s="225" t="s">
        <v>2374</v>
      </c>
    </row>
    <row r="71" spans="2:9" x14ac:dyDescent="0.35">
      <c r="B71" s="47" t="s">
        <v>2358</v>
      </c>
      <c r="C71" s="225" t="s">
        <v>2374</v>
      </c>
    </row>
    <row r="72" spans="2:9" x14ac:dyDescent="0.35">
      <c r="B72" s="47" t="s">
        <v>2359</v>
      </c>
      <c r="C72" s="225" t="s">
        <v>2374</v>
      </c>
    </row>
    <row r="73" spans="2:9" x14ac:dyDescent="0.35">
      <c r="B73" s="47" t="s">
        <v>2352</v>
      </c>
      <c r="C73" s="225" t="s">
        <v>2744</v>
      </c>
    </row>
    <row r="74" spans="2:9" x14ac:dyDescent="0.35">
      <c r="C74" s="224"/>
    </row>
    <row r="75" spans="2:9" x14ac:dyDescent="0.35">
      <c r="B75" s="47" t="s">
        <v>2360</v>
      </c>
      <c r="C75" s="225" t="s">
        <v>2374</v>
      </c>
    </row>
    <row r="76" spans="2:9" x14ac:dyDescent="0.35">
      <c r="B76" s="47" t="s">
        <v>2361</v>
      </c>
      <c r="C76" s="225" t="s">
        <v>2374</v>
      </c>
    </row>
    <row r="77" spans="2:9" x14ac:dyDescent="0.35">
      <c r="B77" s="47" t="s">
        <v>2362</v>
      </c>
      <c r="C77" s="225" t="s">
        <v>2374</v>
      </c>
    </row>
    <row r="78" spans="2:9" x14ac:dyDescent="0.35">
      <c r="B78" s="47" t="s">
        <v>2363</v>
      </c>
      <c r="C78" s="225" t="s">
        <v>2374</v>
      </c>
    </row>
    <row r="79" spans="2:9" x14ac:dyDescent="0.35">
      <c r="B79" s="47" t="s">
        <v>2364</v>
      </c>
      <c r="C79" s="225" t="s">
        <v>2374</v>
      </c>
    </row>
    <row r="80" spans="2:9" x14ac:dyDescent="0.35">
      <c r="B80" s="47" t="s">
        <v>2365</v>
      </c>
      <c r="C80" s="225" t="s">
        <v>2374</v>
      </c>
    </row>
    <row r="81" spans="2:3" x14ac:dyDescent="0.35">
      <c r="B81" s="47" t="s">
        <v>2352</v>
      </c>
      <c r="C81" s="225" t="s">
        <v>2744</v>
      </c>
    </row>
    <row r="83" spans="2:3" x14ac:dyDescent="0.35">
      <c r="B83" s="47" t="s">
        <v>2701</v>
      </c>
      <c r="C83" s="225" t="s">
        <v>2723</v>
      </c>
    </row>
    <row r="85" spans="2:3" x14ac:dyDescent="0.35">
      <c r="B85" s="47" t="s">
        <v>2419</v>
      </c>
      <c r="C85" s="225" t="s">
        <v>2723</v>
      </c>
    </row>
    <row r="86" spans="2:3" x14ac:dyDescent="0.35">
      <c r="B86" s="47" t="s">
        <v>2421</v>
      </c>
      <c r="C86" s="225" t="s">
        <v>2723</v>
      </c>
    </row>
    <row r="87" spans="2:3" x14ac:dyDescent="0.35">
      <c r="B87" s="47" t="s">
        <v>2423</v>
      </c>
      <c r="C87" s="225" t="s">
        <v>2723</v>
      </c>
    </row>
    <row r="88" spans="2:3" x14ac:dyDescent="0.35">
      <c r="B88" s="47" t="s">
        <v>2424</v>
      </c>
      <c r="C88" s="225" t="s">
        <v>2723</v>
      </c>
    </row>
    <row r="90" spans="2:3" x14ac:dyDescent="0.35">
      <c r="B90" s="20" t="s">
        <v>2369</v>
      </c>
      <c r="C90" s="269" t="s">
        <v>2383</v>
      </c>
    </row>
    <row r="91" spans="2:3" x14ac:dyDescent="0.35">
      <c r="B91" s="268" t="s">
        <v>2712</v>
      </c>
      <c r="C91" s="269" t="s">
        <v>2398</v>
      </c>
    </row>
    <row r="92" spans="2:3" x14ac:dyDescent="0.35">
      <c r="B92" s="20" t="s">
        <v>2713</v>
      </c>
      <c r="C92" s="269" t="s">
        <v>2745</v>
      </c>
    </row>
    <row r="94" spans="2:3" x14ac:dyDescent="0.35">
      <c r="B94" s="20" t="s">
        <v>2714</v>
      </c>
      <c r="C94" s="269"/>
    </row>
    <row r="95" spans="2:3" x14ac:dyDescent="0.35">
      <c r="B95" s="268" t="s">
        <v>2715</v>
      </c>
      <c r="C95" s="269"/>
    </row>
    <row r="96" spans="2:3" x14ac:dyDescent="0.35">
      <c r="B96" s="20" t="s">
        <v>2716</v>
      </c>
      <c r="C96" s="269"/>
    </row>
  </sheetData>
  <mergeCells count="9">
    <mergeCell ref="AU7:AV7"/>
    <mergeCell ref="AR7:AS7"/>
    <mergeCell ref="AO7:AP7"/>
    <mergeCell ref="AL7:AM7"/>
    <mergeCell ref="P8:Q8"/>
    <mergeCell ref="Z7:AA7"/>
    <mergeCell ref="AC7:AD7"/>
    <mergeCell ref="AF7:AG7"/>
    <mergeCell ref="AI7:AJ7"/>
  </mergeCells>
  <pageMargins left="0.7" right="0.7" top="0.75" bottom="0.75" header="0.3" footer="0.3"/>
  <pageSetup orientation="portrait" r:id="rId1"/>
  <ignoredErrors>
    <ignoredError sqref="Q14" formula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24BECD-5F03-4D85-8E91-A55A4DBB5426}">
  <sheetPr codeName="Edos_Mpios"/>
  <dimension ref="A1:H2478"/>
  <sheetViews>
    <sheetView showGridLines="0" zoomScale="55" zoomScaleNormal="55" workbookViewId="0">
      <pane ySplit="1" topLeftCell="A2288" activePane="bottomLeft" state="frozen"/>
      <selection pane="bottomLeft" activeCell="A2311" sqref="A2311"/>
    </sheetView>
  </sheetViews>
  <sheetFormatPr baseColWidth="10" defaultColWidth="70.81640625" defaultRowHeight="14.5" x14ac:dyDescent="0.35"/>
  <cols>
    <col min="1" max="1" width="21.6328125" style="1" bestFit="1" customWidth="1"/>
    <col min="2" max="2" width="52.81640625" style="1" customWidth="1"/>
    <col min="3" max="3" width="21.6328125" style="285" bestFit="1" customWidth="1"/>
    <col min="4" max="7" width="1.54296875" customWidth="1"/>
    <col min="8" max="8" width="27.08984375" bestFit="1" customWidth="1"/>
  </cols>
  <sheetData>
    <row r="1" spans="1:8" s="5" customFormat="1" x14ac:dyDescent="0.35">
      <c r="A1" s="2" t="s">
        <v>0</v>
      </c>
      <c r="B1" s="2" t="s">
        <v>1</v>
      </c>
      <c r="C1" s="283" t="s">
        <v>2367</v>
      </c>
      <c r="H1" s="282" t="s">
        <v>2</v>
      </c>
    </row>
    <row r="2" spans="1:8" x14ac:dyDescent="0.35">
      <c r="A2" s="3" t="s">
        <v>2029</v>
      </c>
      <c r="B2" s="3" t="s">
        <v>2030</v>
      </c>
      <c r="C2" s="284">
        <v>1</v>
      </c>
      <c r="H2" s="3" t="s">
        <v>13</v>
      </c>
    </row>
    <row r="3" spans="1:8" x14ac:dyDescent="0.35">
      <c r="A3" s="3" t="s">
        <v>84</v>
      </c>
      <c r="B3" s="3" t="s">
        <v>85</v>
      </c>
      <c r="C3" s="284">
        <v>1</v>
      </c>
      <c r="H3" s="3" t="s">
        <v>19</v>
      </c>
    </row>
    <row r="4" spans="1:8" x14ac:dyDescent="0.35">
      <c r="A4" s="3" t="s">
        <v>133</v>
      </c>
      <c r="B4" s="3" t="s">
        <v>85</v>
      </c>
      <c r="C4" s="284">
        <v>1</v>
      </c>
      <c r="H4" s="3" t="s">
        <v>25</v>
      </c>
    </row>
    <row r="5" spans="1:8" x14ac:dyDescent="0.35">
      <c r="A5" s="3" t="s">
        <v>904</v>
      </c>
      <c r="B5" s="3" t="s">
        <v>85</v>
      </c>
      <c r="C5" s="284">
        <v>1</v>
      </c>
      <c r="H5" s="3" t="s">
        <v>2323</v>
      </c>
    </row>
    <row r="6" spans="1:8" x14ac:dyDescent="0.35">
      <c r="A6" s="3" t="s">
        <v>1945</v>
      </c>
      <c r="B6" s="3" t="s">
        <v>85</v>
      </c>
      <c r="C6" s="284">
        <v>1</v>
      </c>
      <c r="H6" s="3" t="s">
        <v>176</v>
      </c>
    </row>
    <row r="7" spans="1:8" x14ac:dyDescent="0.35">
      <c r="A7" s="3" t="s">
        <v>948</v>
      </c>
      <c r="B7" s="3" t="s">
        <v>949</v>
      </c>
      <c r="C7" s="284">
        <v>1</v>
      </c>
      <c r="H7" s="3" t="s">
        <v>293</v>
      </c>
    </row>
    <row r="8" spans="1:8" x14ac:dyDescent="0.35">
      <c r="A8" s="3" t="s">
        <v>176</v>
      </c>
      <c r="B8" s="3" t="s">
        <v>177</v>
      </c>
      <c r="C8" s="284">
        <v>1</v>
      </c>
      <c r="H8" s="3" t="s">
        <v>84</v>
      </c>
    </row>
    <row r="9" spans="1:8" x14ac:dyDescent="0.35">
      <c r="A9" s="3" t="s">
        <v>1515</v>
      </c>
      <c r="B9" s="3" t="s">
        <v>1516</v>
      </c>
      <c r="C9" s="284">
        <v>1</v>
      </c>
      <c r="H9" s="3" t="s">
        <v>36</v>
      </c>
    </row>
    <row r="10" spans="1:8" x14ac:dyDescent="0.35">
      <c r="A10" s="3" t="s">
        <v>2133</v>
      </c>
      <c r="B10" s="3" t="s">
        <v>1516</v>
      </c>
      <c r="C10" s="284">
        <v>1</v>
      </c>
      <c r="H10" s="3" t="s">
        <v>45</v>
      </c>
    </row>
    <row r="11" spans="1:8" x14ac:dyDescent="0.35">
      <c r="A11" s="3" t="s">
        <v>176</v>
      </c>
      <c r="B11" s="3" t="s">
        <v>178</v>
      </c>
      <c r="C11" s="284">
        <v>1</v>
      </c>
      <c r="H11" s="3" t="s">
        <v>133</v>
      </c>
    </row>
    <row r="12" spans="1:8" x14ac:dyDescent="0.35">
      <c r="A12" s="3" t="s">
        <v>133</v>
      </c>
      <c r="B12" s="3" t="s">
        <v>134</v>
      </c>
      <c r="C12" s="284">
        <v>1</v>
      </c>
      <c r="H12" s="3" t="s">
        <v>95</v>
      </c>
    </row>
    <row r="13" spans="1:8" x14ac:dyDescent="0.35">
      <c r="A13" s="3" t="s">
        <v>631</v>
      </c>
      <c r="B13" s="3" t="s">
        <v>632</v>
      </c>
      <c r="C13" s="284">
        <v>1</v>
      </c>
      <c r="H13" s="3" t="s">
        <v>54</v>
      </c>
    </row>
    <row r="14" spans="1:8" x14ac:dyDescent="0.35">
      <c r="A14" s="3" t="s">
        <v>2029</v>
      </c>
      <c r="B14" s="3" t="s">
        <v>2031</v>
      </c>
      <c r="C14" s="284">
        <v>1</v>
      </c>
      <c r="H14" s="3" t="s">
        <v>512</v>
      </c>
    </row>
    <row r="15" spans="1:8" x14ac:dyDescent="0.35">
      <c r="A15" s="3" t="s">
        <v>176</v>
      </c>
      <c r="B15" s="3" t="s">
        <v>179</v>
      </c>
      <c r="C15" s="284">
        <v>1</v>
      </c>
      <c r="H15" s="3" t="s">
        <v>631</v>
      </c>
    </row>
    <row r="16" spans="1:8" x14ac:dyDescent="0.35">
      <c r="A16" s="3" t="s">
        <v>885</v>
      </c>
      <c r="B16" s="3" t="s">
        <v>886</v>
      </c>
      <c r="C16" s="284">
        <v>1</v>
      </c>
      <c r="H16" s="3" t="s">
        <v>751</v>
      </c>
    </row>
    <row r="17" spans="1:8" x14ac:dyDescent="0.35">
      <c r="A17" s="3" t="s">
        <v>95</v>
      </c>
      <c r="B17" s="278" t="s">
        <v>351</v>
      </c>
      <c r="C17" s="284">
        <v>1.036</v>
      </c>
      <c r="H17" s="3" t="s">
        <v>101</v>
      </c>
    </row>
    <row r="18" spans="1:8" x14ac:dyDescent="0.35">
      <c r="A18" s="3" t="s">
        <v>1515</v>
      </c>
      <c r="B18" s="3" t="s">
        <v>1517</v>
      </c>
      <c r="C18" s="284">
        <v>1</v>
      </c>
      <c r="H18" s="3" t="s">
        <v>885</v>
      </c>
    </row>
    <row r="19" spans="1:8" x14ac:dyDescent="0.35">
      <c r="A19" s="3" t="s">
        <v>95</v>
      </c>
      <c r="B19" s="3" t="s">
        <v>423</v>
      </c>
      <c r="C19" s="284">
        <v>1</v>
      </c>
      <c r="H19" s="3" t="s">
        <v>904</v>
      </c>
    </row>
    <row r="20" spans="1:8" x14ac:dyDescent="0.35">
      <c r="A20" s="3" t="s">
        <v>512</v>
      </c>
      <c r="B20" s="3" t="s">
        <v>513</v>
      </c>
      <c r="C20" s="284">
        <v>1</v>
      </c>
      <c r="H20" s="3" t="s">
        <v>948</v>
      </c>
    </row>
    <row r="21" spans="1:8" x14ac:dyDescent="0.35">
      <c r="A21" s="3" t="s">
        <v>54</v>
      </c>
      <c r="B21" s="3" t="s">
        <v>430</v>
      </c>
      <c r="C21" s="284">
        <v>1</v>
      </c>
      <c r="H21" s="3" t="s">
        <v>1515</v>
      </c>
    </row>
    <row r="22" spans="1:8" x14ac:dyDescent="0.35">
      <c r="A22" s="3" t="s">
        <v>1515</v>
      </c>
      <c r="B22" s="3" t="s">
        <v>430</v>
      </c>
      <c r="C22" s="284">
        <v>1</v>
      </c>
      <c r="H22" s="3" t="s">
        <v>1718</v>
      </c>
    </row>
    <row r="23" spans="1:8" x14ac:dyDescent="0.35">
      <c r="A23" s="3" t="s">
        <v>2133</v>
      </c>
      <c r="B23" s="3" t="s">
        <v>430</v>
      </c>
      <c r="C23" s="284">
        <v>1</v>
      </c>
      <c r="H23" s="3" t="s">
        <v>1734</v>
      </c>
    </row>
    <row r="24" spans="1:8" x14ac:dyDescent="0.35">
      <c r="A24" s="3" t="s">
        <v>512</v>
      </c>
      <c r="B24" s="3" t="s">
        <v>514</v>
      </c>
      <c r="C24" s="284">
        <v>1</v>
      </c>
      <c r="H24" s="3" t="s">
        <v>1744</v>
      </c>
    </row>
    <row r="25" spans="1:8" x14ac:dyDescent="0.35">
      <c r="A25" s="3" t="s">
        <v>948</v>
      </c>
      <c r="B25" s="3" t="s">
        <v>950</v>
      </c>
      <c r="C25" s="284">
        <v>1</v>
      </c>
      <c r="H25" s="3" t="s">
        <v>1861</v>
      </c>
    </row>
    <row r="26" spans="1:8" x14ac:dyDescent="0.35">
      <c r="A26" s="3" t="s">
        <v>1515</v>
      </c>
      <c r="B26" s="3" t="s">
        <v>1518</v>
      </c>
      <c r="C26" s="284">
        <v>1</v>
      </c>
      <c r="H26" s="3" t="s">
        <v>1880</v>
      </c>
    </row>
    <row r="27" spans="1:8" x14ac:dyDescent="0.35">
      <c r="A27" s="3" t="s">
        <v>54</v>
      </c>
      <c r="B27" s="3" t="s">
        <v>431</v>
      </c>
      <c r="C27" s="284">
        <v>1</v>
      </c>
      <c r="H27" s="3" t="s">
        <v>1796</v>
      </c>
    </row>
    <row r="28" spans="1:8" x14ac:dyDescent="0.35">
      <c r="A28" s="3" t="s">
        <v>2133</v>
      </c>
      <c r="B28" s="3" t="s">
        <v>2134</v>
      </c>
      <c r="C28" s="284">
        <v>1</v>
      </c>
      <c r="H28" s="3" t="s">
        <v>1945</v>
      </c>
    </row>
    <row r="29" spans="1:8" x14ac:dyDescent="0.35">
      <c r="A29" s="3" t="s">
        <v>631</v>
      </c>
      <c r="B29" s="3" t="s">
        <v>633</v>
      </c>
      <c r="C29" s="284">
        <v>1</v>
      </c>
      <c r="H29" s="3" t="s">
        <v>1974</v>
      </c>
    </row>
    <row r="30" spans="1:8" x14ac:dyDescent="0.35">
      <c r="A30" s="3" t="s">
        <v>1880</v>
      </c>
      <c r="B30" s="3" t="s">
        <v>1881</v>
      </c>
      <c r="C30" s="284">
        <v>1</v>
      </c>
      <c r="H30" s="3" t="s">
        <v>2133</v>
      </c>
    </row>
    <row r="31" spans="1:8" x14ac:dyDescent="0.35">
      <c r="A31" s="3" t="s">
        <v>1515</v>
      </c>
      <c r="B31" s="3" t="s">
        <v>1519</v>
      </c>
      <c r="C31" s="284">
        <v>1</v>
      </c>
      <c r="H31" s="3" t="s">
        <v>2029</v>
      </c>
    </row>
    <row r="32" spans="1:8" x14ac:dyDescent="0.35">
      <c r="A32" s="3" t="s">
        <v>54</v>
      </c>
      <c r="B32" s="3" t="s">
        <v>432</v>
      </c>
      <c r="C32" s="284">
        <v>1</v>
      </c>
      <c r="H32" s="3" t="s">
        <v>1812</v>
      </c>
    </row>
    <row r="33" spans="1:3" x14ac:dyDescent="0.35">
      <c r="A33" s="3" t="s">
        <v>2133</v>
      </c>
      <c r="B33" s="3" t="s">
        <v>432</v>
      </c>
      <c r="C33" s="284">
        <v>1</v>
      </c>
    </row>
    <row r="34" spans="1:3" x14ac:dyDescent="0.35">
      <c r="A34" s="3" t="s">
        <v>1974</v>
      </c>
      <c r="B34" s="3" t="s">
        <v>1996</v>
      </c>
      <c r="C34" s="284">
        <v>1</v>
      </c>
    </row>
    <row r="35" spans="1:3" x14ac:dyDescent="0.35">
      <c r="A35" s="3" t="s">
        <v>751</v>
      </c>
      <c r="B35" s="3" t="s">
        <v>752</v>
      </c>
      <c r="C35" s="284">
        <v>1</v>
      </c>
    </row>
    <row r="36" spans="1:3" x14ac:dyDescent="0.35">
      <c r="A36" s="3" t="s">
        <v>2133</v>
      </c>
      <c r="B36" s="3" t="s">
        <v>2135</v>
      </c>
      <c r="C36" s="284">
        <v>1</v>
      </c>
    </row>
    <row r="37" spans="1:3" x14ac:dyDescent="0.35">
      <c r="A37" s="3" t="s">
        <v>631</v>
      </c>
      <c r="B37" s="3" t="s">
        <v>634</v>
      </c>
      <c r="C37" s="284">
        <v>1</v>
      </c>
    </row>
    <row r="38" spans="1:3" x14ac:dyDescent="0.35">
      <c r="A38" s="3" t="s">
        <v>2133</v>
      </c>
      <c r="B38" s="3" t="s">
        <v>2136</v>
      </c>
      <c r="C38" s="284">
        <v>1</v>
      </c>
    </row>
    <row r="39" spans="1:3" x14ac:dyDescent="0.35">
      <c r="A39" s="3" t="s">
        <v>84</v>
      </c>
      <c r="B39" s="278" t="s">
        <v>2726</v>
      </c>
      <c r="C39" s="284">
        <v>0.98199999999999998</v>
      </c>
    </row>
    <row r="40" spans="1:3" x14ac:dyDescent="0.35">
      <c r="A40" s="3" t="s">
        <v>54</v>
      </c>
      <c r="B40" s="3" t="s">
        <v>433</v>
      </c>
      <c r="C40" s="284">
        <v>1</v>
      </c>
    </row>
    <row r="41" spans="1:3" x14ac:dyDescent="0.35">
      <c r="A41" s="3" t="s">
        <v>2133</v>
      </c>
      <c r="B41" s="3" t="s">
        <v>2314</v>
      </c>
      <c r="C41" s="284">
        <v>1</v>
      </c>
    </row>
    <row r="42" spans="1:3" x14ac:dyDescent="0.35">
      <c r="A42" s="3" t="s">
        <v>1880</v>
      </c>
      <c r="B42" s="3" t="s">
        <v>1882</v>
      </c>
      <c r="C42" s="284">
        <v>1.0589999999999999</v>
      </c>
    </row>
    <row r="43" spans="1:3" x14ac:dyDescent="0.35">
      <c r="A43" s="3" t="s">
        <v>904</v>
      </c>
      <c r="B43" s="3" t="s">
        <v>905</v>
      </c>
      <c r="C43" s="284">
        <v>1</v>
      </c>
    </row>
    <row r="44" spans="1:3" x14ac:dyDescent="0.35">
      <c r="A44" s="3" t="s">
        <v>2</v>
      </c>
      <c r="B44" s="3" t="s">
        <v>2</v>
      </c>
      <c r="C44" s="284">
        <v>0.96399999999999997</v>
      </c>
    </row>
    <row r="45" spans="1:3" x14ac:dyDescent="0.35">
      <c r="A45" s="3" t="s">
        <v>751</v>
      </c>
      <c r="B45" s="3" t="s">
        <v>753</v>
      </c>
      <c r="C45" s="284">
        <v>1</v>
      </c>
    </row>
    <row r="46" spans="1:3" x14ac:dyDescent="0.35">
      <c r="A46" s="3" t="s">
        <v>1861</v>
      </c>
      <c r="B46" s="3" t="s">
        <v>1864</v>
      </c>
      <c r="C46" s="284">
        <v>1</v>
      </c>
    </row>
    <row r="47" spans="1:3" x14ac:dyDescent="0.35">
      <c r="A47" s="3" t="s">
        <v>885</v>
      </c>
      <c r="B47" s="3" t="s">
        <v>887</v>
      </c>
      <c r="C47" s="284">
        <v>1</v>
      </c>
    </row>
    <row r="48" spans="1:3" x14ac:dyDescent="0.35">
      <c r="A48" s="3" t="s">
        <v>1515</v>
      </c>
      <c r="B48" s="3" t="s">
        <v>887</v>
      </c>
      <c r="C48" s="284">
        <v>1</v>
      </c>
    </row>
    <row r="49" spans="1:3" x14ac:dyDescent="0.35">
      <c r="A49" s="3" t="s">
        <v>95</v>
      </c>
      <c r="B49" s="3" t="s">
        <v>352</v>
      </c>
      <c r="C49" s="284">
        <v>1</v>
      </c>
    </row>
    <row r="50" spans="1:3" x14ac:dyDescent="0.35">
      <c r="A50" s="3" t="s">
        <v>1744</v>
      </c>
      <c r="B50" s="3" t="s">
        <v>1745</v>
      </c>
      <c r="C50" s="284">
        <v>1</v>
      </c>
    </row>
    <row r="51" spans="1:3" x14ac:dyDescent="0.35">
      <c r="A51" s="3" t="s">
        <v>512</v>
      </c>
      <c r="B51" s="3" t="s">
        <v>515</v>
      </c>
      <c r="C51" s="284">
        <v>1</v>
      </c>
    </row>
    <row r="52" spans="1:3" x14ac:dyDescent="0.35">
      <c r="A52" s="3" t="s">
        <v>1515</v>
      </c>
      <c r="B52" s="3" t="s">
        <v>1520</v>
      </c>
      <c r="C52" s="284">
        <v>1</v>
      </c>
    </row>
    <row r="53" spans="1:3" x14ac:dyDescent="0.35">
      <c r="A53" s="3" t="s">
        <v>1515</v>
      </c>
      <c r="B53" s="3" t="s">
        <v>1521</v>
      </c>
      <c r="C53" s="284">
        <v>1</v>
      </c>
    </row>
    <row r="54" spans="1:3" x14ac:dyDescent="0.35">
      <c r="A54" s="3" t="s">
        <v>1515</v>
      </c>
      <c r="B54" s="3" t="s">
        <v>1522</v>
      </c>
      <c r="C54" s="284">
        <v>1</v>
      </c>
    </row>
    <row r="55" spans="1:3" x14ac:dyDescent="0.35">
      <c r="A55" s="3" t="s">
        <v>293</v>
      </c>
      <c r="B55" s="3" t="s">
        <v>294</v>
      </c>
      <c r="C55" s="284">
        <v>1</v>
      </c>
    </row>
    <row r="56" spans="1:3" x14ac:dyDescent="0.35">
      <c r="A56" s="3" t="s">
        <v>54</v>
      </c>
      <c r="B56" s="3" t="s">
        <v>434</v>
      </c>
      <c r="C56" s="284">
        <v>1</v>
      </c>
    </row>
    <row r="57" spans="1:3" x14ac:dyDescent="0.35">
      <c r="A57" s="3" t="s">
        <v>1515</v>
      </c>
      <c r="B57" s="3" t="s">
        <v>1523</v>
      </c>
      <c r="C57" s="284">
        <v>1</v>
      </c>
    </row>
    <row r="58" spans="1:3" x14ac:dyDescent="0.35">
      <c r="A58" s="3" t="s">
        <v>95</v>
      </c>
      <c r="B58" s="3" t="s">
        <v>353</v>
      </c>
      <c r="C58" s="284">
        <v>1</v>
      </c>
    </row>
    <row r="59" spans="1:3" x14ac:dyDescent="0.35">
      <c r="A59" s="3" t="s">
        <v>2029</v>
      </c>
      <c r="B59" s="3" t="s">
        <v>2032</v>
      </c>
      <c r="C59" s="284">
        <v>1</v>
      </c>
    </row>
    <row r="60" spans="1:3" x14ac:dyDescent="0.35">
      <c r="A60" s="3" t="s">
        <v>2133</v>
      </c>
      <c r="B60" s="3" t="s">
        <v>2333</v>
      </c>
      <c r="C60" s="284">
        <v>1</v>
      </c>
    </row>
    <row r="61" spans="1:3" x14ac:dyDescent="0.35">
      <c r="A61" s="3" t="s">
        <v>1880</v>
      </c>
      <c r="B61" s="3" t="s">
        <v>1883</v>
      </c>
      <c r="C61" s="284">
        <v>1</v>
      </c>
    </row>
    <row r="62" spans="1:3" x14ac:dyDescent="0.35">
      <c r="A62" s="3" t="s">
        <v>1744</v>
      </c>
      <c r="B62" s="3" t="s">
        <v>1746</v>
      </c>
      <c r="C62" s="284">
        <v>1</v>
      </c>
    </row>
    <row r="63" spans="1:3" x14ac:dyDescent="0.35">
      <c r="A63" s="3" t="s">
        <v>1515</v>
      </c>
      <c r="B63" s="3" t="s">
        <v>1524</v>
      </c>
      <c r="C63" s="284">
        <v>1</v>
      </c>
    </row>
    <row r="64" spans="1:3" x14ac:dyDescent="0.35">
      <c r="A64" s="3" t="s">
        <v>95</v>
      </c>
      <c r="B64" s="3" t="s">
        <v>354</v>
      </c>
      <c r="C64" s="284">
        <v>1</v>
      </c>
    </row>
    <row r="65" spans="1:3" x14ac:dyDescent="0.35">
      <c r="A65" s="3" t="s">
        <v>176</v>
      </c>
      <c r="B65" s="3" t="s">
        <v>286</v>
      </c>
      <c r="C65" s="284">
        <v>1</v>
      </c>
    </row>
    <row r="66" spans="1:3" x14ac:dyDescent="0.35">
      <c r="A66" s="3" t="s">
        <v>293</v>
      </c>
      <c r="B66" s="3" t="s">
        <v>286</v>
      </c>
      <c r="C66" s="284">
        <v>1</v>
      </c>
    </row>
    <row r="67" spans="1:3" x14ac:dyDescent="0.35">
      <c r="A67" s="3" t="s">
        <v>1945</v>
      </c>
      <c r="B67" s="3" t="s">
        <v>286</v>
      </c>
      <c r="C67" s="284">
        <v>1</v>
      </c>
    </row>
    <row r="68" spans="1:3" x14ac:dyDescent="0.35">
      <c r="A68" s="3" t="s">
        <v>54</v>
      </c>
      <c r="B68" s="3" t="s">
        <v>435</v>
      </c>
      <c r="C68" s="284">
        <v>1</v>
      </c>
    </row>
    <row r="69" spans="1:3" x14ac:dyDescent="0.35">
      <c r="A69" s="3" t="s">
        <v>1515</v>
      </c>
      <c r="B69" s="3" t="s">
        <v>1525</v>
      </c>
      <c r="C69" s="284">
        <v>1</v>
      </c>
    </row>
    <row r="70" spans="1:3" x14ac:dyDescent="0.35">
      <c r="A70" s="3" t="s">
        <v>293</v>
      </c>
      <c r="B70" s="3" t="s">
        <v>86</v>
      </c>
      <c r="C70" s="284">
        <v>1</v>
      </c>
    </row>
    <row r="71" spans="1:3" x14ac:dyDescent="0.35">
      <c r="A71" s="3" t="s">
        <v>84</v>
      </c>
      <c r="B71" s="3" t="s">
        <v>86</v>
      </c>
      <c r="C71" s="284">
        <v>1</v>
      </c>
    </row>
    <row r="72" spans="1:3" x14ac:dyDescent="0.35">
      <c r="A72" s="3" t="s">
        <v>904</v>
      </c>
      <c r="B72" s="3" t="s">
        <v>86</v>
      </c>
      <c r="C72" s="284">
        <v>1</v>
      </c>
    </row>
    <row r="73" spans="1:3" x14ac:dyDescent="0.35">
      <c r="A73" s="3" t="s">
        <v>54</v>
      </c>
      <c r="B73" s="3" t="s">
        <v>436</v>
      </c>
      <c r="C73" s="284">
        <v>1</v>
      </c>
    </row>
    <row r="74" spans="1:3" x14ac:dyDescent="0.35">
      <c r="A74" s="3" t="s">
        <v>631</v>
      </c>
      <c r="B74" s="3" t="s">
        <v>635</v>
      </c>
      <c r="C74" s="284">
        <v>1</v>
      </c>
    </row>
    <row r="75" spans="1:3" x14ac:dyDescent="0.35">
      <c r="A75" s="3" t="s">
        <v>631</v>
      </c>
      <c r="B75" s="3" t="s">
        <v>636</v>
      </c>
      <c r="C75" s="284">
        <v>1</v>
      </c>
    </row>
    <row r="76" spans="1:3" x14ac:dyDescent="0.35">
      <c r="A76" s="3" t="s">
        <v>631</v>
      </c>
      <c r="B76" s="3" t="s">
        <v>637</v>
      </c>
      <c r="C76" s="284">
        <v>1</v>
      </c>
    </row>
    <row r="77" spans="1:3" x14ac:dyDescent="0.35">
      <c r="A77" s="3" t="s">
        <v>2133</v>
      </c>
      <c r="B77" s="3" t="s">
        <v>2138</v>
      </c>
      <c r="C77" s="284">
        <v>1</v>
      </c>
    </row>
    <row r="78" spans="1:3" x14ac:dyDescent="0.35">
      <c r="A78" s="3" t="s">
        <v>95</v>
      </c>
      <c r="B78" s="3" t="s">
        <v>355</v>
      </c>
      <c r="C78" s="284">
        <v>1</v>
      </c>
    </row>
    <row r="79" spans="1:3" x14ac:dyDescent="0.35">
      <c r="A79" s="3" t="s">
        <v>1945</v>
      </c>
      <c r="B79" s="3" t="s">
        <v>1946</v>
      </c>
      <c r="C79" s="284">
        <v>0.99</v>
      </c>
    </row>
    <row r="80" spans="1:3" x14ac:dyDescent="0.35">
      <c r="A80" s="3" t="s">
        <v>176</v>
      </c>
      <c r="B80" s="3" t="s">
        <v>180</v>
      </c>
      <c r="C80" s="284">
        <v>1</v>
      </c>
    </row>
    <row r="81" spans="1:3" x14ac:dyDescent="0.35">
      <c r="A81" s="3" t="s">
        <v>1880</v>
      </c>
      <c r="B81" s="3" t="s">
        <v>1884</v>
      </c>
      <c r="C81" s="284">
        <v>1</v>
      </c>
    </row>
    <row r="82" spans="1:3" x14ac:dyDescent="0.35">
      <c r="A82" s="3" t="s">
        <v>1515</v>
      </c>
      <c r="B82" s="3" t="s">
        <v>1526</v>
      </c>
      <c r="C82" s="284">
        <v>1</v>
      </c>
    </row>
    <row r="83" spans="1:3" x14ac:dyDescent="0.35">
      <c r="A83" s="3" t="s">
        <v>2133</v>
      </c>
      <c r="B83" s="3" t="s">
        <v>2139</v>
      </c>
      <c r="C83" s="284">
        <v>1</v>
      </c>
    </row>
    <row r="84" spans="1:3" x14ac:dyDescent="0.35">
      <c r="A84" s="3" t="s">
        <v>2133</v>
      </c>
      <c r="B84" s="3" t="s">
        <v>2140</v>
      </c>
      <c r="C84" s="284">
        <v>1</v>
      </c>
    </row>
    <row r="85" spans="1:3" x14ac:dyDescent="0.35">
      <c r="A85" s="3" t="s">
        <v>1974</v>
      </c>
      <c r="B85" s="3" t="s">
        <v>1978</v>
      </c>
      <c r="C85" s="284">
        <v>1</v>
      </c>
    </row>
    <row r="86" spans="1:3" x14ac:dyDescent="0.35">
      <c r="A86" s="3" t="s">
        <v>2133</v>
      </c>
      <c r="B86" s="3" t="s">
        <v>2141</v>
      </c>
      <c r="C86" s="284">
        <v>1</v>
      </c>
    </row>
    <row r="87" spans="1:3" x14ac:dyDescent="0.35">
      <c r="A87" s="3" t="s">
        <v>2323</v>
      </c>
      <c r="B87" s="3" t="s">
        <v>2324</v>
      </c>
      <c r="C87" s="284">
        <v>1</v>
      </c>
    </row>
    <row r="88" spans="1:3" x14ac:dyDescent="0.35">
      <c r="A88" s="3" t="s">
        <v>751</v>
      </c>
      <c r="B88" s="3" t="s">
        <v>2324</v>
      </c>
      <c r="C88" s="284">
        <v>1</v>
      </c>
    </row>
    <row r="89" spans="1:3" x14ac:dyDescent="0.35">
      <c r="A89" s="3" t="s">
        <v>512</v>
      </c>
      <c r="B89" s="3" t="s">
        <v>516</v>
      </c>
      <c r="C89" s="284">
        <v>1</v>
      </c>
    </row>
    <row r="90" spans="1:3" x14ac:dyDescent="0.35">
      <c r="A90" s="3" t="s">
        <v>101</v>
      </c>
      <c r="B90" s="3" t="s">
        <v>855</v>
      </c>
      <c r="C90" s="284">
        <v>1</v>
      </c>
    </row>
    <row r="91" spans="1:3" x14ac:dyDescent="0.35">
      <c r="A91" s="3" t="s">
        <v>631</v>
      </c>
      <c r="B91" s="3" t="s">
        <v>638</v>
      </c>
      <c r="C91" s="284">
        <v>1</v>
      </c>
    </row>
    <row r="92" spans="1:3" x14ac:dyDescent="0.35">
      <c r="A92" s="3" t="s">
        <v>176</v>
      </c>
      <c r="B92" s="3" t="s">
        <v>181</v>
      </c>
      <c r="C92" s="284">
        <v>1</v>
      </c>
    </row>
    <row r="93" spans="1:3" x14ac:dyDescent="0.35">
      <c r="A93" s="3" t="s">
        <v>176</v>
      </c>
      <c r="B93" s="3" t="s">
        <v>182</v>
      </c>
      <c r="C93" s="284">
        <v>1</v>
      </c>
    </row>
    <row r="94" spans="1:3" x14ac:dyDescent="0.35">
      <c r="A94" s="3" t="s">
        <v>176</v>
      </c>
      <c r="B94" s="3" t="s">
        <v>183</v>
      </c>
      <c r="C94" s="284">
        <v>1</v>
      </c>
    </row>
    <row r="95" spans="1:3" x14ac:dyDescent="0.35">
      <c r="A95" s="3" t="s">
        <v>631</v>
      </c>
      <c r="B95" s="3" t="s">
        <v>639</v>
      </c>
      <c r="C95" s="284">
        <v>1</v>
      </c>
    </row>
    <row r="96" spans="1:3" x14ac:dyDescent="0.35">
      <c r="A96" s="3" t="s">
        <v>512</v>
      </c>
      <c r="B96" s="3" t="s">
        <v>517</v>
      </c>
      <c r="C96" s="284">
        <v>1</v>
      </c>
    </row>
    <row r="97" spans="1:3" x14ac:dyDescent="0.35">
      <c r="A97" s="3" t="s">
        <v>2133</v>
      </c>
      <c r="B97" s="3" t="s">
        <v>2142</v>
      </c>
      <c r="C97" s="284">
        <v>1</v>
      </c>
    </row>
    <row r="98" spans="1:3" x14ac:dyDescent="0.35">
      <c r="A98" s="3" t="s">
        <v>885</v>
      </c>
      <c r="B98" s="3" t="s">
        <v>888</v>
      </c>
      <c r="C98" s="284">
        <v>1</v>
      </c>
    </row>
    <row r="99" spans="1:3" x14ac:dyDescent="0.35">
      <c r="A99" s="3" t="s">
        <v>2133</v>
      </c>
      <c r="B99" s="3" t="s">
        <v>2144</v>
      </c>
      <c r="C99" s="284">
        <v>1</v>
      </c>
    </row>
    <row r="100" spans="1:3" x14ac:dyDescent="0.35">
      <c r="A100" s="3" t="s">
        <v>1974</v>
      </c>
      <c r="B100" s="3" t="s">
        <v>1975</v>
      </c>
      <c r="C100" s="284">
        <v>1</v>
      </c>
    </row>
    <row r="101" spans="1:3" x14ac:dyDescent="0.35">
      <c r="A101" s="3" t="s">
        <v>1718</v>
      </c>
      <c r="B101" s="3" t="s">
        <v>1719</v>
      </c>
      <c r="C101" s="284">
        <v>1</v>
      </c>
    </row>
    <row r="102" spans="1:3" x14ac:dyDescent="0.35">
      <c r="A102" s="3" t="s">
        <v>512</v>
      </c>
      <c r="B102" s="3" t="s">
        <v>518</v>
      </c>
      <c r="C102" s="284">
        <v>1</v>
      </c>
    </row>
    <row r="103" spans="1:3" x14ac:dyDescent="0.35">
      <c r="A103" s="3" t="s">
        <v>631</v>
      </c>
      <c r="B103" s="278" t="s">
        <v>640</v>
      </c>
      <c r="C103" s="284">
        <v>0.91300000000000003</v>
      </c>
    </row>
    <row r="104" spans="1:3" x14ac:dyDescent="0.35">
      <c r="A104" s="3" t="s">
        <v>1515</v>
      </c>
      <c r="B104" s="3" t="s">
        <v>1527</v>
      </c>
      <c r="C104" s="284">
        <v>1</v>
      </c>
    </row>
    <row r="105" spans="1:3" x14ac:dyDescent="0.35">
      <c r="A105" s="3" t="s">
        <v>1515</v>
      </c>
      <c r="B105" s="3" t="s">
        <v>1528</v>
      </c>
      <c r="C105" s="284">
        <v>1</v>
      </c>
    </row>
    <row r="106" spans="1:3" x14ac:dyDescent="0.35">
      <c r="A106" s="3" t="s">
        <v>904</v>
      </c>
      <c r="B106" s="3" t="s">
        <v>907</v>
      </c>
      <c r="C106" s="284">
        <v>1</v>
      </c>
    </row>
    <row r="107" spans="1:3" x14ac:dyDescent="0.35">
      <c r="A107" s="3" t="s">
        <v>751</v>
      </c>
      <c r="B107" s="3" t="s">
        <v>754</v>
      </c>
      <c r="C107" s="284">
        <v>1</v>
      </c>
    </row>
    <row r="108" spans="1:3" x14ac:dyDescent="0.35">
      <c r="A108" s="3" t="s">
        <v>751</v>
      </c>
      <c r="B108" s="3" t="s">
        <v>755</v>
      </c>
      <c r="C108" s="284">
        <v>1</v>
      </c>
    </row>
    <row r="109" spans="1:3" x14ac:dyDescent="0.35">
      <c r="A109" s="3" t="s">
        <v>176</v>
      </c>
      <c r="B109" s="3" t="s">
        <v>184</v>
      </c>
      <c r="C109" s="284">
        <v>1</v>
      </c>
    </row>
    <row r="110" spans="1:3" x14ac:dyDescent="0.35">
      <c r="A110" s="3" t="s">
        <v>2133</v>
      </c>
      <c r="B110" s="3" t="s">
        <v>2145</v>
      </c>
      <c r="C110" s="284">
        <v>1</v>
      </c>
    </row>
    <row r="111" spans="1:3" x14ac:dyDescent="0.35">
      <c r="A111" s="3" t="s">
        <v>1861</v>
      </c>
      <c r="B111" s="3" t="s">
        <v>1865</v>
      </c>
      <c r="C111" s="284">
        <v>1</v>
      </c>
    </row>
    <row r="112" spans="1:3" x14ac:dyDescent="0.35">
      <c r="A112" s="3" t="s">
        <v>948</v>
      </c>
      <c r="B112" s="3" t="s">
        <v>2330</v>
      </c>
      <c r="C112" s="284">
        <v>1</v>
      </c>
    </row>
    <row r="113" spans="1:3" x14ac:dyDescent="0.35">
      <c r="A113" s="3" t="s">
        <v>1945</v>
      </c>
      <c r="B113" s="3" t="s">
        <v>1947</v>
      </c>
      <c r="C113" s="284">
        <v>1</v>
      </c>
    </row>
    <row r="114" spans="1:3" x14ac:dyDescent="0.35">
      <c r="A114" s="3" t="s">
        <v>54</v>
      </c>
      <c r="B114" s="3" t="s">
        <v>437</v>
      </c>
      <c r="C114" s="284">
        <v>1</v>
      </c>
    </row>
    <row r="115" spans="1:3" x14ac:dyDescent="0.35">
      <c r="A115" s="3" t="s">
        <v>133</v>
      </c>
      <c r="B115" s="3" t="s">
        <v>136</v>
      </c>
      <c r="C115" s="284">
        <v>1</v>
      </c>
    </row>
    <row r="116" spans="1:3" x14ac:dyDescent="0.35">
      <c r="A116" s="3" t="s">
        <v>133</v>
      </c>
      <c r="B116" s="3" t="s">
        <v>137</v>
      </c>
      <c r="C116" s="284">
        <v>1</v>
      </c>
    </row>
    <row r="117" spans="1:3" x14ac:dyDescent="0.35">
      <c r="A117" s="3" t="s">
        <v>751</v>
      </c>
      <c r="B117" s="3" t="s">
        <v>756</v>
      </c>
      <c r="C117" s="284">
        <v>1</v>
      </c>
    </row>
    <row r="118" spans="1:3" x14ac:dyDescent="0.35">
      <c r="A118" s="3" t="s">
        <v>631</v>
      </c>
      <c r="B118" s="3" t="s">
        <v>641</v>
      </c>
      <c r="C118" s="284">
        <v>1</v>
      </c>
    </row>
    <row r="119" spans="1:3" x14ac:dyDescent="0.35">
      <c r="A119" s="3" t="s">
        <v>95</v>
      </c>
      <c r="B119" s="3" t="s">
        <v>356</v>
      </c>
      <c r="C119" s="284">
        <v>1</v>
      </c>
    </row>
    <row r="120" spans="1:3" x14ac:dyDescent="0.35">
      <c r="A120" s="3" t="s">
        <v>2133</v>
      </c>
      <c r="B120" s="3" t="s">
        <v>2147</v>
      </c>
      <c r="C120" s="284">
        <v>1</v>
      </c>
    </row>
    <row r="121" spans="1:3" x14ac:dyDescent="0.35">
      <c r="A121" s="3" t="s">
        <v>1974</v>
      </c>
      <c r="B121" s="3" t="s">
        <v>1976</v>
      </c>
      <c r="C121" s="284">
        <v>1</v>
      </c>
    </row>
    <row r="122" spans="1:3" x14ac:dyDescent="0.35">
      <c r="A122" s="3" t="s">
        <v>1974</v>
      </c>
      <c r="B122" s="3" t="s">
        <v>1979</v>
      </c>
      <c r="C122" s="284">
        <v>0.86399999999999999</v>
      </c>
    </row>
    <row r="123" spans="1:3" x14ac:dyDescent="0.35">
      <c r="A123" s="3" t="s">
        <v>904</v>
      </c>
      <c r="B123" s="3" t="s">
        <v>908</v>
      </c>
      <c r="C123" s="284">
        <v>1</v>
      </c>
    </row>
    <row r="124" spans="1:3" x14ac:dyDescent="0.35">
      <c r="A124" s="3" t="s">
        <v>751</v>
      </c>
      <c r="B124" s="3" t="s">
        <v>757</v>
      </c>
      <c r="C124" s="284">
        <v>1</v>
      </c>
    </row>
    <row r="125" spans="1:3" x14ac:dyDescent="0.35">
      <c r="A125" s="3" t="s">
        <v>1812</v>
      </c>
      <c r="B125" s="3" t="s">
        <v>1813</v>
      </c>
      <c r="C125" s="284">
        <v>1</v>
      </c>
    </row>
    <row r="126" spans="1:3" x14ac:dyDescent="0.35">
      <c r="A126" s="3" t="s">
        <v>1812</v>
      </c>
      <c r="B126" s="3" t="s">
        <v>1814</v>
      </c>
      <c r="C126" s="284">
        <v>1</v>
      </c>
    </row>
    <row r="127" spans="1:3" x14ac:dyDescent="0.35">
      <c r="A127" s="3" t="s">
        <v>751</v>
      </c>
      <c r="B127" s="3" t="s">
        <v>758</v>
      </c>
      <c r="C127" s="284">
        <v>1</v>
      </c>
    </row>
    <row r="128" spans="1:3" x14ac:dyDescent="0.35">
      <c r="A128" s="3" t="s">
        <v>2133</v>
      </c>
      <c r="B128" s="3" t="s">
        <v>758</v>
      </c>
      <c r="C128" s="284">
        <v>1</v>
      </c>
    </row>
    <row r="129" spans="1:3" x14ac:dyDescent="0.35">
      <c r="A129" s="3" t="s">
        <v>293</v>
      </c>
      <c r="B129" s="3" t="s">
        <v>295</v>
      </c>
      <c r="C129" s="284">
        <v>1</v>
      </c>
    </row>
    <row r="130" spans="1:3" x14ac:dyDescent="0.35">
      <c r="A130" s="3" t="s">
        <v>1744</v>
      </c>
      <c r="B130" s="3" t="s">
        <v>1747</v>
      </c>
      <c r="C130" s="284">
        <v>1</v>
      </c>
    </row>
    <row r="131" spans="1:3" x14ac:dyDescent="0.35">
      <c r="A131" s="3" t="s">
        <v>1515</v>
      </c>
      <c r="B131" s="3" t="s">
        <v>1529</v>
      </c>
      <c r="C131" s="284">
        <v>1</v>
      </c>
    </row>
    <row r="132" spans="1:3" x14ac:dyDescent="0.35">
      <c r="A132" s="3" t="s">
        <v>904</v>
      </c>
      <c r="B132" s="3" t="s">
        <v>909</v>
      </c>
      <c r="C132" s="284">
        <v>1</v>
      </c>
    </row>
    <row r="133" spans="1:3" x14ac:dyDescent="0.35">
      <c r="A133" s="3" t="s">
        <v>512</v>
      </c>
      <c r="B133" s="3" t="s">
        <v>520</v>
      </c>
      <c r="C133" s="284">
        <v>1</v>
      </c>
    </row>
    <row r="134" spans="1:3" x14ac:dyDescent="0.35">
      <c r="A134" s="3" t="s">
        <v>95</v>
      </c>
      <c r="B134" s="3" t="s">
        <v>357</v>
      </c>
      <c r="C134" s="284">
        <v>1</v>
      </c>
    </row>
    <row r="135" spans="1:3" x14ac:dyDescent="0.35">
      <c r="A135" s="3" t="s">
        <v>751</v>
      </c>
      <c r="B135" s="3" t="s">
        <v>759</v>
      </c>
      <c r="C135" s="284">
        <v>1</v>
      </c>
    </row>
    <row r="136" spans="1:3" x14ac:dyDescent="0.35">
      <c r="A136" s="3" t="s">
        <v>1880</v>
      </c>
      <c r="B136" s="3" t="s">
        <v>1885</v>
      </c>
      <c r="C136" s="284">
        <v>1</v>
      </c>
    </row>
    <row r="137" spans="1:3" x14ac:dyDescent="0.35">
      <c r="A137" s="3" t="s">
        <v>1880</v>
      </c>
      <c r="B137" s="3" t="s">
        <v>1886</v>
      </c>
      <c r="C137" s="284">
        <v>1</v>
      </c>
    </row>
    <row r="138" spans="1:3" x14ac:dyDescent="0.35">
      <c r="A138" s="3" t="s">
        <v>1744</v>
      </c>
      <c r="B138" s="3" t="s">
        <v>1748</v>
      </c>
      <c r="C138" s="284">
        <v>1</v>
      </c>
    </row>
    <row r="139" spans="1:3" x14ac:dyDescent="0.35">
      <c r="A139" s="3" t="s">
        <v>36</v>
      </c>
      <c r="B139" s="3" t="s">
        <v>37</v>
      </c>
      <c r="C139" s="284">
        <v>1</v>
      </c>
    </row>
    <row r="140" spans="1:3" x14ac:dyDescent="0.35">
      <c r="A140" s="3" t="s">
        <v>176</v>
      </c>
      <c r="B140" s="3" t="s">
        <v>185</v>
      </c>
      <c r="C140" s="284">
        <v>0.873</v>
      </c>
    </row>
    <row r="141" spans="1:3" x14ac:dyDescent="0.35">
      <c r="A141" s="3" t="s">
        <v>1718</v>
      </c>
      <c r="B141" s="3" t="s">
        <v>1721</v>
      </c>
      <c r="C141" s="284">
        <v>1</v>
      </c>
    </row>
    <row r="142" spans="1:3" x14ac:dyDescent="0.35">
      <c r="A142" s="3" t="s">
        <v>84</v>
      </c>
      <c r="B142" s="3" t="s">
        <v>87</v>
      </c>
      <c r="C142" s="284">
        <v>1</v>
      </c>
    </row>
    <row r="143" spans="1:3" x14ac:dyDescent="0.35">
      <c r="A143" s="3" t="s">
        <v>751</v>
      </c>
      <c r="B143" s="3" t="s">
        <v>87</v>
      </c>
      <c r="C143" s="284">
        <v>1</v>
      </c>
    </row>
    <row r="144" spans="1:3" x14ac:dyDescent="0.35">
      <c r="A144" s="3" t="s">
        <v>293</v>
      </c>
      <c r="B144" s="3" t="s">
        <v>296</v>
      </c>
      <c r="C144" s="284">
        <v>1</v>
      </c>
    </row>
    <row r="145" spans="1:3" x14ac:dyDescent="0.35">
      <c r="A145" s="3" t="s">
        <v>2</v>
      </c>
      <c r="B145" s="3" t="s">
        <v>3</v>
      </c>
      <c r="C145" s="284">
        <v>1</v>
      </c>
    </row>
    <row r="146" spans="1:3" x14ac:dyDescent="0.35">
      <c r="A146" s="3" t="s">
        <v>2133</v>
      </c>
      <c r="B146" s="3" t="s">
        <v>2148</v>
      </c>
      <c r="C146" s="284">
        <v>1</v>
      </c>
    </row>
    <row r="147" spans="1:3" x14ac:dyDescent="0.35">
      <c r="A147" s="3" t="s">
        <v>948</v>
      </c>
      <c r="B147" s="3" t="s">
        <v>951</v>
      </c>
      <c r="C147" s="284">
        <v>1</v>
      </c>
    </row>
    <row r="148" spans="1:3" x14ac:dyDescent="0.35">
      <c r="A148" s="3" t="s">
        <v>948</v>
      </c>
      <c r="B148" s="3" t="s">
        <v>952</v>
      </c>
      <c r="C148" s="284">
        <v>1</v>
      </c>
    </row>
    <row r="149" spans="1:3" x14ac:dyDescent="0.35">
      <c r="A149" s="3" t="s">
        <v>948</v>
      </c>
      <c r="B149" s="3" t="s">
        <v>953</v>
      </c>
      <c r="C149" s="284">
        <v>1</v>
      </c>
    </row>
    <row r="150" spans="1:3" x14ac:dyDescent="0.35">
      <c r="A150" s="3" t="s">
        <v>948</v>
      </c>
      <c r="B150" s="3" t="s">
        <v>954</v>
      </c>
      <c r="C150" s="284">
        <v>1</v>
      </c>
    </row>
    <row r="151" spans="1:3" x14ac:dyDescent="0.35">
      <c r="A151" s="3" t="s">
        <v>948</v>
      </c>
      <c r="B151" s="3" t="s">
        <v>955</v>
      </c>
      <c r="C151" s="284">
        <v>1</v>
      </c>
    </row>
    <row r="152" spans="1:3" x14ac:dyDescent="0.35">
      <c r="A152" s="3" t="s">
        <v>948</v>
      </c>
      <c r="B152" s="3" t="s">
        <v>956</v>
      </c>
      <c r="C152" s="284">
        <v>1</v>
      </c>
    </row>
    <row r="153" spans="1:3" x14ac:dyDescent="0.35">
      <c r="A153" s="3" t="s">
        <v>133</v>
      </c>
      <c r="B153" s="3" t="s">
        <v>138</v>
      </c>
      <c r="C153" s="284">
        <v>1</v>
      </c>
    </row>
    <row r="154" spans="1:3" x14ac:dyDescent="0.35">
      <c r="A154" s="3" t="s">
        <v>512</v>
      </c>
      <c r="B154" s="3" t="s">
        <v>521</v>
      </c>
      <c r="C154" s="284">
        <v>1</v>
      </c>
    </row>
    <row r="155" spans="1:3" x14ac:dyDescent="0.35">
      <c r="A155" s="3" t="s">
        <v>1515</v>
      </c>
      <c r="B155" s="3" t="s">
        <v>1530</v>
      </c>
      <c r="C155" s="284">
        <v>1</v>
      </c>
    </row>
    <row r="156" spans="1:3" x14ac:dyDescent="0.35">
      <c r="A156" s="3" t="s">
        <v>95</v>
      </c>
      <c r="B156" s="3" t="s">
        <v>358</v>
      </c>
      <c r="C156" s="284">
        <v>1</v>
      </c>
    </row>
    <row r="157" spans="1:3" x14ac:dyDescent="0.35">
      <c r="A157" s="3" t="s">
        <v>631</v>
      </c>
      <c r="B157" s="3" t="s">
        <v>642</v>
      </c>
      <c r="C157" s="284">
        <v>1</v>
      </c>
    </row>
    <row r="158" spans="1:3" x14ac:dyDescent="0.35">
      <c r="A158" s="3" t="s">
        <v>512</v>
      </c>
      <c r="B158" s="3" t="s">
        <v>522</v>
      </c>
      <c r="C158" s="284">
        <v>1</v>
      </c>
    </row>
    <row r="159" spans="1:3" x14ac:dyDescent="0.35">
      <c r="A159" s="3" t="s">
        <v>512</v>
      </c>
      <c r="B159" s="3" t="s">
        <v>523</v>
      </c>
      <c r="C159" s="284">
        <v>1</v>
      </c>
    </row>
    <row r="160" spans="1:3" x14ac:dyDescent="0.35">
      <c r="A160" s="3" t="s">
        <v>1515</v>
      </c>
      <c r="B160" s="3" t="s">
        <v>1531</v>
      </c>
      <c r="C160" s="284">
        <v>1</v>
      </c>
    </row>
    <row r="161" spans="1:3" x14ac:dyDescent="0.35">
      <c r="A161" s="3" t="s">
        <v>1880</v>
      </c>
      <c r="B161" s="3" t="s">
        <v>1887</v>
      </c>
      <c r="C161" s="284">
        <v>1</v>
      </c>
    </row>
    <row r="162" spans="1:3" x14ac:dyDescent="0.35">
      <c r="A162" s="3" t="s">
        <v>54</v>
      </c>
      <c r="B162" s="3" t="s">
        <v>439</v>
      </c>
      <c r="C162" s="284">
        <v>1</v>
      </c>
    </row>
    <row r="163" spans="1:3" x14ac:dyDescent="0.35">
      <c r="A163" s="3" t="s">
        <v>631</v>
      </c>
      <c r="B163" s="3" t="s">
        <v>643</v>
      </c>
      <c r="C163" s="284">
        <v>1</v>
      </c>
    </row>
    <row r="164" spans="1:3" x14ac:dyDescent="0.35">
      <c r="A164" s="3" t="s">
        <v>631</v>
      </c>
      <c r="B164" s="3" t="s">
        <v>644</v>
      </c>
      <c r="C164" s="284">
        <v>1</v>
      </c>
    </row>
    <row r="165" spans="1:3" x14ac:dyDescent="0.35">
      <c r="A165" s="3" t="s">
        <v>631</v>
      </c>
      <c r="B165" s="3" t="s">
        <v>645</v>
      </c>
      <c r="C165" s="284">
        <v>1</v>
      </c>
    </row>
    <row r="166" spans="1:3" x14ac:dyDescent="0.35">
      <c r="A166" s="3" t="s">
        <v>2133</v>
      </c>
      <c r="B166" s="3" t="s">
        <v>2149</v>
      </c>
      <c r="C166" s="284">
        <v>1</v>
      </c>
    </row>
    <row r="167" spans="1:3" x14ac:dyDescent="0.35">
      <c r="A167" s="3" t="s">
        <v>95</v>
      </c>
      <c r="B167" s="3" t="s">
        <v>359</v>
      </c>
      <c r="C167" s="284">
        <v>1</v>
      </c>
    </row>
    <row r="168" spans="1:3" x14ac:dyDescent="0.35">
      <c r="A168" s="3" t="s">
        <v>1974</v>
      </c>
      <c r="B168" s="3" t="s">
        <v>1977</v>
      </c>
      <c r="C168" s="284">
        <v>1</v>
      </c>
    </row>
    <row r="169" spans="1:3" x14ac:dyDescent="0.35">
      <c r="A169" s="3" t="s">
        <v>54</v>
      </c>
      <c r="B169" s="3" t="s">
        <v>440</v>
      </c>
      <c r="C169" s="284">
        <v>1</v>
      </c>
    </row>
    <row r="170" spans="1:3" x14ac:dyDescent="0.35">
      <c r="A170" s="3" t="s">
        <v>101</v>
      </c>
      <c r="B170" s="3" t="s">
        <v>856</v>
      </c>
      <c r="C170" s="284">
        <v>1</v>
      </c>
    </row>
    <row r="171" spans="1:3" x14ac:dyDescent="0.35">
      <c r="A171" s="3" t="s">
        <v>631</v>
      </c>
      <c r="B171" s="3" t="s">
        <v>646</v>
      </c>
      <c r="C171" s="284">
        <v>1</v>
      </c>
    </row>
    <row r="172" spans="1:3" x14ac:dyDescent="0.35">
      <c r="A172" s="3" t="s">
        <v>1515</v>
      </c>
      <c r="B172" s="3" t="s">
        <v>1586</v>
      </c>
      <c r="C172" s="284">
        <v>1</v>
      </c>
    </row>
    <row r="173" spans="1:3" x14ac:dyDescent="0.35">
      <c r="A173" s="3" t="s">
        <v>1515</v>
      </c>
      <c r="B173" s="3" t="s">
        <v>1532</v>
      </c>
      <c r="C173" s="284">
        <v>1</v>
      </c>
    </row>
    <row r="174" spans="1:3" x14ac:dyDescent="0.35">
      <c r="A174" s="3" t="s">
        <v>95</v>
      </c>
      <c r="B174" s="3" t="s">
        <v>360</v>
      </c>
      <c r="C174" s="284">
        <v>1</v>
      </c>
    </row>
    <row r="175" spans="1:3" x14ac:dyDescent="0.35">
      <c r="A175" s="3" t="s">
        <v>1812</v>
      </c>
      <c r="B175" s="3" t="s">
        <v>1815</v>
      </c>
      <c r="C175" s="284">
        <v>1</v>
      </c>
    </row>
    <row r="176" spans="1:3" x14ac:dyDescent="0.35">
      <c r="A176" s="3" t="s">
        <v>54</v>
      </c>
      <c r="B176" s="3" t="s">
        <v>442</v>
      </c>
      <c r="C176" s="284">
        <v>1</v>
      </c>
    </row>
    <row r="177" spans="1:3" x14ac:dyDescent="0.35">
      <c r="A177" s="3" t="s">
        <v>512</v>
      </c>
      <c r="B177" s="3" t="s">
        <v>524</v>
      </c>
      <c r="C177" s="284">
        <v>1</v>
      </c>
    </row>
    <row r="178" spans="1:3" x14ac:dyDescent="0.35">
      <c r="A178" s="3" t="s">
        <v>54</v>
      </c>
      <c r="B178" s="3" t="s">
        <v>441</v>
      </c>
      <c r="C178" s="284">
        <v>1</v>
      </c>
    </row>
    <row r="179" spans="1:3" x14ac:dyDescent="0.35">
      <c r="A179" s="3" t="s">
        <v>512</v>
      </c>
      <c r="B179" s="3" t="s">
        <v>525</v>
      </c>
      <c r="C179" s="284">
        <v>1</v>
      </c>
    </row>
    <row r="180" spans="1:3" x14ac:dyDescent="0.35">
      <c r="A180" s="3" t="s">
        <v>2133</v>
      </c>
      <c r="B180" s="3" t="s">
        <v>525</v>
      </c>
      <c r="C180" s="284">
        <v>1</v>
      </c>
    </row>
    <row r="181" spans="1:3" x14ac:dyDescent="0.35">
      <c r="A181" s="3" t="s">
        <v>95</v>
      </c>
      <c r="B181" s="3" t="s">
        <v>2326</v>
      </c>
      <c r="C181" s="284">
        <v>0.93300000000000005</v>
      </c>
    </row>
    <row r="182" spans="1:3" x14ac:dyDescent="0.35">
      <c r="A182" s="3" t="s">
        <v>1515</v>
      </c>
      <c r="B182" s="3" t="s">
        <v>1533</v>
      </c>
      <c r="C182" s="284">
        <v>1</v>
      </c>
    </row>
    <row r="183" spans="1:3" x14ac:dyDescent="0.35">
      <c r="A183" s="3" t="s">
        <v>2133</v>
      </c>
      <c r="B183" s="3" t="s">
        <v>2150</v>
      </c>
      <c r="C183" s="284">
        <v>1</v>
      </c>
    </row>
    <row r="184" spans="1:3" x14ac:dyDescent="0.35">
      <c r="A184" s="3" t="s">
        <v>1515</v>
      </c>
      <c r="B184" s="3" t="s">
        <v>1534</v>
      </c>
      <c r="C184" s="284">
        <v>1</v>
      </c>
    </row>
    <row r="185" spans="1:3" x14ac:dyDescent="0.35">
      <c r="A185" s="3" t="s">
        <v>2133</v>
      </c>
      <c r="B185" s="3" t="s">
        <v>2151</v>
      </c>
      <c r="C185" s="284">
        <v>1</v>
      </c>
    </row>
    <row r="186" spans="1:3" x14ac:dyDescent="0.35">
      <c r="A186" s="3" t="s">
        <v>1515</v>
      </c>
      <c r="B186" s="3" t="s">
        <v>1535</v>
      </c>
      <c r="C186" s="284">
        <v>1</v>
      </c>
    </row>
    <row r="187" spans="1:3" x14ac:dyDescent="0.35">
      <c r="A187" s="3" t="s">
        <v>1515</v>
      </c>
      <c r="B187" s="3" t="s">
        <v>1536</v>
      </c>
      <c r="C187" s="284">
        <v>1</v>
      </c>
    </row>
    <row r="188" spans="1:3" x14ac:dyDescent="0.35">
      <c r="A188" s="3" t="s">
        <v>512</v>
      </c>
      <c r="B188" s="3" t="s">
        <v>526</v>
      </c>
      <c r="C188" s="284">
        <v>1</v>
      </c>
    </row>
    <row r="189" spans="1:3" x14ac:dyDescent="0.35">
      <c r="A189" s="3" t="s">
        <v>631</v>
      </c>
      <c r="B189" s="3" t="s">
        <v>647</v>
      </c>
      <c r="C189" s="284">
        <v>1</v>
      </c>
    </row>
    <row r="190" spans="1:3" x14ac:dyDescent="0.35">
      <c r="A190" s="3" t="s">
        <v>101</v>
      </c>
      <c r="B190" s="3" t="s">
        <v>857</v>
      </c>
      <c r="C190" s="284">
        <v>1</v>
      </c>
    </row>
    <row r="191" spans="1:3" x14ac:dyDescent="0.35">
      <c r="A191" s="3" t="s">
        <v>1744</v>
      </c>
      <c r="B191" s="3" t="s">
        <v>1791</v>
      </c>
      <c r="C191" s="284">
        <v>1</v>
      </c>
    </row>
    <row r="192" spans="1:3" x14ac:dyDescent="0.35">
      <c r="A192" s="3" t="s">
        <v>1515</v>
      </c>
      <c r="B192" s="3" t="s">
        <v>1537</v>
      </c>
      <c r="C192" s="284">
        <v>1</v>
      </c>
    </row>
    <row r="193" spans="1:3" x14ac:dyDescent="0.35">
      <c r="A193" s="3" t="s">
        <v>2133</v>
      </c>
      <c r="B193" s="3" t="s">
        <v>2153</v>
      </c>
      <c r="C193" s="284">
        <v>1</v>
      </c>
    </row>
    <row r="194" spans="1:3" x14ac:dyDescent="0.35">
      <c r="A194" s="3" t="s">
        <v>101</v>
      </c>
      <c r="B194" s="3" t="s">
        <v>858</v>
      </c>
      <c r="C194" s="284">
        <v>1</v>
      </c>
    </row>
    <row r="195" spans="1:3" x14ac:dyDescent="0.35">
      <c r="A195" s="3" t="s">
        <v>631</v>
      </c>
      <c r="B195" s="3" t="s">
        <v>648</v>
      </c>
      <c r="C195" s="284">
        <v>1</v>
      </c>
    </row>
    <row r="196" spans="1:3" x14ac:dyDescent="0.35">
      <c r="A196" s="3" t="s">
        <v>948</v>
      </c>
      <c r="B196" s="3" t="s">
        <v>1343</v>
      </c>
      <c r="C196" s="284">
        <v>1</v>
      </c>
    </row>
    <row r="197" spans="1:3" x14ac:dyDescent="0.35">
      <c r="A197" s="3" t="s">
        <v>512</v>
      </c>
      <c r="B197" s="3" t="s">
        <v>527</v>
      </c>
      <c r="C197" s="284">
        <v>1</v>
      </c>
    </row>
    <row r="198" spans="1:3" x14ac:dyDescent="0.35">
      <c r="A198" s="3" t="s">
        <v>1515</v>
      </c>
      <c r="B198" s="3" t="s">
        <v>1538</v>
      </c>
      <c r="C198" s="284">
        <v>1</v>
      </c>
    </row>
    <row r="199" spans="1:3" x14ac:dyDescent="0.35">
      <c r="A199" s="3" t="s">
        <v>948</v>
      </c>
      <c r="B199" s="3" t="s">
        <v>957</v>
      </c>
      <c r="C199" s="284">
        <v>1</v>
      </c>
    </row>
    <row r="200" spans="1:3" x14ac:dyDescent="0.35">
      <c r="A200" s="3" t="s">
        <v>512</v>
      </c>
      <c r="B200" s="3" t="s">
        <v>528</v>
      </c>
      <c r="C200" s="284">
        <v>1</v>
      </c>
    </row>
    <row r="201" spans="1:3" x14ac:dyDescent="0.35">
      <c r="A201" s="3" t="s">
        <v>95</v>
      </c>
      <c r="B201" s="3" t="s">
        <v>361</v>
      </c>
      <c r="C201" s="284">
        <v>1</v>
      </c>
    </row>
    <row r="202" spans="1:3" x14ac:dyDescent="0.35">
      <c r="A202" s="3" t="s">
        <v>2323</v>
      </c>
      <c r="B202" s="3" t="s">
        <v>120</v>
      </c>
      <c r="C202" s="284">
        <v>1</v>
      </c>
    </row>
    <row r="203" spans="1:3" x14ac:dyDescent="0.35">
      <c r="A203" s="3" t="s">
        <v>95</v>
      </c>
      <c r="B203" s="3" t="s">
        <v>362</v>
      </c>
      <c r="C203" s="284">
        <v>1</v>
      </c>
    </row>
    <row r="204" spans="1:3" x14ac:dyDescent="0.35">
      <c r="A204" s="3" t="s">
        <v>2029</v>
      </c>
      <c r="B204" s="3" t="s">
        <v>2033</v>
      </c>
      <c r="C204" s="284">
        <v>1</v>
      </c>
    </row>
    <row r="205" spans="1:3" x14ac:dyDescent="0.35">
      <c r="A205" s="3" t="s">
        <v>1880</v>
      </c>
      <c r="B205" s="3" t="s">
        <v>1888</v>
      </c>
      <c r="C205" s="284">
        <v>1</v>
      </c>
    </row>
    <row r="206" spans="1:3" x14ac:dyDescent="0.35">
      <c r="A206" s="3" t="s">
        <v>1734</v>
      </c>
      <c r="B206" s="3" t="s">
        <v>1743</v>
      </c>
      <c r="C206" s="284">
        <v>1</v>
      </c>
    </row>
    <row r="207" spans="1:3" x14ac:dyDescent="0.35">
      <c r="A207" s="3" t="s">
        <v>1880</v>
      </c>
      <c r="B207" s="3" t="s">
        <v>1889</v>
      </c>
      <c r="C207" s="284">
        <v>1</v>
      </c>
    </row>
    <row r="208" spans="1:3" x14ac:dyDescent="0.35">
      <c r="A208" s="3" t="s">
        <v>1880</v>
      </c>
      <c r="B208" s="3" t="s">
        <v>1890</v>
      </c>
      <c r="C208" s="284">
        <v>1</v>
      </c>
    </row>
    <row r="209" spans="1:3" x14ac:dyDescent="0.35">
      <c r="A209" s="3" t="s">
        <v>293</v>
      </c>
      <c r="B209" s="3" t="s">
        <v>297</v>
      </c>
      <c r="C209" s="284">
        <v>1</v>
      </c>
    </row>
    <row r="210" spans="1:3" x14ac:dyDescent="0.35">
      <c r="A210" s="3" t="s">
        <v>1880</v>
      </c>
      <c r="B210" s="3" t="s">
        <v>1891</v>
      </c>
      <c r="C210" s="284">
        <v>1</v>
      </c>
    </row>
    <row r="211" spans="1:3" x14ac:dyDescent="0.35">
      <c r="A211" s="3" t="s">
        <v>1880</v>
      </c>
      <c r="B211" s="3" t="s">
        <v>1892</v>
      </c>
      <c r="C211" s="284">
        <v>1</v>
      </c>
    </row>
    <row r="212" spans="1:3" x14ac:dyDescent="0.35">
      <c r="A212" s="3" t="s">
        <v>1861</v>
      </c>
      <c r="B212" s="3" t="s">
        <v>1866</v>
      </c>
      <c r="C212" s="284">
        <v>1</v>
      </c>
    </row>
    <row r="213" spans="1:3" x14ac:dyDescent="0.35">
      <c r="A213" s="3" t="s">
        <v>885</v>
      </c>
      <c r="B213" s="3" t="s">
        <v>903</v>
      </c>
      <c r="C213" s="284">
        <v>1</v>
      </c>
    </row>
    <row r="214" spans="1:3" x14ac:dyDescent="0.35">
      <c r="A214" s="3" t="s">
        <v>1796</v>
      </c>
      <c r="B214" s="3" t="s">
        <v>1797</v>
      </c>
      <c r="C214" s="284">
        <v>1</v>
      </c>
    </row>
    <row r="215" spans="1:3" x14ac:dyDescent="0.35">
      <c r="A215" s="3" t="s">
        <v>293</v>
      </c>
      <c r="B215" s="3" t="s">
        <v>298</v>
      </c>
      <c r="C215" s="284">
        <v>1</v>
      </c>
    </row>
    <row r="216" spans="1:3" x14ac:dyDescent="0.35">
      <c r="A216" s="3" t="s">
        <v>1880</v>
      </c>
      <c r="B216" s="3" t="s">
        <v>1893</v>
      </c>
      <c r="C216" s="284">
        <v>1</v>
      </c>
    </row>
    <row r="217" spans="1:3" x14ac:dyDescent="0.35">
      <c r="A217" s="3" t="s">
        <v>2133</v>
      </c>
      <c r="B217" s="3" t="s">
        <v>2154</v>
      </c>
      <c r="C217" s="284">
        <v>1</v>
      </c>
    </row>
    <row r="218" spans="1:3" x14ac:dyDescent="0.35">
      <c r="A218" s="3" t="s">
        <v>293</v>
      </c>
      <c r="B218" s="3" t="s">
        <v>299</v>
      </c>
      <c r="C218" s="284">
        <v>1</v>
      </c>
    </row>
    <row r="219" spans="1:3" x14ac:dyDescent="0.35">
      <c r="A219" s="3" t="s">
        <v>1880</v>
      </c>
      <c r="B219" s="3" t="s">
        <v>1894</v>
      </c>
      <c r="C219" s="284">
        <v>1</v>
      </c>
    </row>
    <row r="220" spans="1:3" x14ac:dyDescent="0.35">
      <c r="A220" s="3" t="s">
        <v>1880</v>
      </c>
      <c r="B220" s="3" t="s">
        <v>1895</v>
      </c>
      <c r="C220" s="284">
        <v>1</v>
      </c>
    </row>
    <row r="221" spans="1:3" x14ac:dyDescent="0.35">
      <c r="A221" s="3" t="s">
        <v>176</v>
      </c>
      <c r="B221" s="3" t="s">
        <v>186</v>
      </c>
      <c r="C221" s="284">
        <v>1</v>
      </c>
    </row>
    <row r="222" spans="1:3" x14ac:dyDescent="0.35">
      <c r="A222" s="3" t="s">
        <v>176</v>
      </c>
      <c r="B222" s="3" t="s">
        <v>187</v>
      </c>
      <c r="C222" s="284">
        <v>1</v>
      </c>
    </row>
    <row r="223" spans="1:3" x14ac:dyDescent="0.35">
      <c r="A223" s="3" t="s">
        <v>176</v>
      </c>
      <c r="B223" s="3" t="s">
        <v>287</v>
      </c>
      <c r="C223" s="284">
        <v>1</v>
      </c>
    </row>
    <row r="224" spans="1:3" x14ac:dyDescent="0.35">
      <c r="A224" s="3" t="s">
        <v>2323</v>
      </c>
      <c r="B224" s="3" t="s">
        <v>130</v>
      </c>
      <c r="C224" s="284">
        <v>1</v>
      </c>
    </row>
    <row r="225" spans="1:3" x14ac:dyDescent="0.35">
      <c r="A225" s="3" t="s">
        <v>95</v>
      </c>
      <c r="B225" s="3" t="s">
        <v>130</v>
      </c>
      <c r="C225" s="284">
        <v>1</v>
      </c>
    </row>
    <row r="226" spans="1:3" x14ac:dyDescent="0.35">
      <c r="A226" s="3" t="s">
        <v>1734</v>
      </c>
      <c r="B226" s="3" t="s">
        <v>130</v>
      </c>
      <c r="C226" s="284">
        <v>1</v>
      </c>
    </row>
    <row r="227" spans="1:3" x14ac:dyDescent="0.35">
      <c r="A227" s="3" t="s">
        <v>1880</v>
      </c>
      <c r="B227" s="3" t="s">
        <v>130</v>
      </c>
      <c r="C227" s="284">
        <v>1</v>
      </c>
    </row>
    <row r="228" spans="1:3" x14ac:dyDescent="0.35">
      <c r="A228" s="3" t="s">
        <v>1974</v>
      </c>
      <c r="B228" s="3" t="s">
        <v>130</v>
      </c>
      <c r="C228" s="284">
        <v>1</v>
      </c>
    </row>
    <row r="229" spans="1:3" x14ac:dyDescent="0.35">
      <c r="A229" s="3" t="s">
        <v>2133</v>
      </c>
      <c r="B229" s="3" t="s">
        <v>130</v>
      </c>
      <c r="C229" s="284">
        <v>1</v>
      </c>
    </row>
    <row r="230" spans="1:3" x14ac:dyDescent="0.35">
      <c r="A230" s="3" t="s">
        <v>1812</v>
      </c>
      <c r="B230" s="3" t="s">
        <v>130</v>
      </c>
      <c r="C230" s="284">
        <v>1</v>
      </c>
    </row>
    <row r="231" spans="1:3" x14ac:dyDescent="0.35">
      <c r="A231" s="3" t="s">
        <v>1880</v>
      </c>
      <c r="B231" s="3" t="s">
        <v>1896</v>
      </c>
      <c r="C231" s="284">
        <v>1</v>
      </c>
    </row>
    <row r="232" spans="1:3" x14ac:dyDescent="0.35">
      <c r="A232" s="3" t="s">
        <v>176</v>
      </c>
      <c r="B232" s="3" t="s">
        <v>188</v>
      </c>
      <c r="C232" s="284">
        <v>1</v>
      </c>
    </row>
    <row r="233" spans="1:3" x14ac:dyDescent="0.35">
      <c r="A233" s="3" t="s">
        <v>2133</v>
      </c>
      <c r="B233" s="3" t="s">
        <v>2155</v>
      </c>
      <c r="C233" s="284">
        <v>1</v>
      </c>
    </row>
    <row r="234" spans="1:3" x14ac:dyDescent="0.35">
      <c r="A234" s="3" t="s">
        <v>176</v>
      </c>
      <c r="B234" s="3" t="s">
        <v>189</v>
      </c>
      <c r="C234" s="284">
        <v>1</v>
      </c>
    </row>
    <row r="235" spans="1:3" x14ac:dyDescent="0.35">
      <c r="A235" s="3" t="s">
        <v>293</v>
      </c>
      <c r="B235" s="3" t="s">
        <v>300</v>
      </c>
      <c r="C235" s="284">
        <v>1</v>
      </c>
    </row>
    <row r="236" spans="1:3" x14ac:dyDescent="0.35">
      <c r="A236" s="3" t="s">
        <v>2029</v>
      </c>
      <c r="B236" s="3" t="s">
        <v>2034</v>
      </c>
      <c r="C236" s="284">
        <v>1</v>
      </c>
    </row>
    <row r="237" spans="1:3" x14ac:dyDescent="0.35">
      <c r="A237" s="3" t="s">
        <v>512</v>
      </c>
      <c r="B237" s="3" t="s">
        <v>530</v>
      </c>
      <c r="C237" s="284">
        <v>1</v>
      </c>
    </row>
    <row r="238" spans="1:3" x14ac:dyDescent="0.35">
      <c r="A238" s="3" t="s">
        <v>751</v>
      </c>
      <c r="B238" s="3" t="s">
        <v>760</v>
      </c>
      <c r="C238" s="284">
        <v>1</v>
      </c>
    </row>
    <row r="239" spans="1:3" x14ac:dyDescent="0.35">
      <c r="A239" s="3" t="s">
        <v>2029</v>
      </c>
      <c r="B239" s="3" t="s">
        <v>2035</v>
      </c>
      <c r="C239" s="284">
        <v>1</v>
      </c>
    </row>
    <row r="240" spans="1:3" x14ac:dyDescent="0.35">
      <c r="A240" s="3" t="s">
        <v>293</v>
      </c>
      <c r="B240" s="3" t="s">
        <v>301</v>
      </c>
      <c r="C240" s="284">
        <v>1</v>
      </c>
    </row>
    <row r="241" spans="1:3" x14ac:dyDescent="0.35">
      <c r="A241" s="3" t="s">
        <v>751</v>
      </c>
      <c r="B241" s="3" t="s">
        <v>761</v>
      </c>
      <c r="C241" s="284">
        <v>1</v>
      </c>
    </row>
    <row r="242" spans="1:3" x14ac:dyDescent="0.35">
      <c r="A242" s="3" t="s">
        <v>95</v>
      </c>
      <c r="B242" s="3" t="s">
        <v>363</v>
      </c>
      <c r="C242" s="284">
        <v>1</v>
      </c>
    </row>
    <row r="243" spans="1:3" x14ac:dyDescent="0.35">
      <c r="A243" s="3" t="s">
        <v>1945</v>
      </c>
      <c r="B243" s="3" t="s">
        <v>1948</v>
      </c>
      <c r="C243" s="284">
        <v>1</v>
      </c>
    </row>
    <row r="244" spans="1:3" x14ac:dyDescent="0.35">
      <c r="A244" s="3" t="s">
        <v>904</v>
      </c>
      <c r="B244" s="3" t="s">
        <v>910</v>
      </c>
      <c r="C244" s="284">
        <v>1</v>
      </c>
    </row>
    <row r="245" spans="1:3" x14ac:dyDescent="0.35">
      <c r="A245" s="3" t="s">
        <v>1945</v>
      </c>
      <c r="B245" s="3" t="s">
        <v>910</v>
      </c>
      <c r="C245" s="284">
        <v>1</v>
      </c>
    </row>
    <row r="246" spans="1:3" x14ac:dyDescent="0.35">
      <c r="A246" s="3" t="s">
        <v>512</v>
      </c>
      <c r="B246" s="3" t="s">
        <v>531</v>
      </c>
      <c r="C246" s="284">
        <v>1</v>
      </c>
    </row>
    <row r="247" spans="1:3" x14ac:dyDescent="0.35">
      <c r="A247" s="3" t="s">
        <v>1880</v>
      </c>
      <c r="B247" s="3" t="s">
        <v>1897</v>
      </c>
      <c r="C247" s="284">
        <v>1</v>
      </c>
    </row>
    <row r="248" spans="1:3" x14ac:dyDescent="0.35">
      <c r="A248" s="3" t="s">
        <v>176</v>
      </c>
      <c r="B248" s="3" t="s">
        <v>191</v>
      </c>
      <c r="C248" s="284">
        <v>1</v>
      </c>
    </row>
    <row r="249" spans="1:3" x14ac:dyDescent="0.35">
      <c r="A249" s="3" t="s">
        <v>2029</v>
      </c>
      <c r="B249" s="3" t="s">
        <v>2036</v>
      </c>
      <c r="C249" s="284">
        <v>1</v>
      </c>
    </row>
    <row r="250" spans="1:3" x14ac:dyDescent="0.35">
      <c r="A250" s="3" t="s">
        <v>1718</v>
      </c>
      <c r="B250" s="3" t="s">
        <v>1722</v>
      </c>
      <c r="C250" s="284">
        <v>1</v>
      </c>
    </row>
    <row r="251" spans="1:3" x14ac:dyDescent="0.35">
      <c r="A251" s="3" t="s">
        <v>904</v>
      </c>
      <c r="B251" s="3" t="s">
        <v>911</v>
      </c>
      <c r="C251" s="284">
        <v>1</v>
      </c>
    </row>
    <row r="252" spans="1:3" x14ac:dyDescent="0.35">
      <c r="A252" s="3" t="s">
        <v>1880</v>
      </c>
      <c r="B252" s="3" t="s">
        <v>1898</v>
      </c>
      <c r="C252" s="284">
        <v>1</v>
      </c>
    </row>
    <row r="253" spans="1:3" x14ac:dyDescent="0.35">
      <c r="A253" s="3" t="s">
        <v>25</v>
      </c>
      <c r="B253" s="3" t="s">
        <v>34</v>
      </c>
      <c r="C253" s="284">
        <v>1</v>
      </c>
    </row>
    <row r="254" spans="1:3" x14ac:dyDescent="0.35">
      <c r="A254" s="3" t="s">
        <v>2133</v>
      </c>
      <c r="B254" s="3" t="s">
        <v>2156</v>
      </c>
      <c r="C254" s="284">
        <v>1</v>
      </c>
    </row>
    <row r="255" spans="1:3" x14ac:dyDescent="0.35">
      <c r="A255" s="3" t="s">
        <v>1812</v>
      </c>
      <c r="B255" s="3" t="s">
        <v>1816</v>
      </c>
      <c r="C255" s="284">
        <v>1</v>
      </c>
    </row>
    <row r="256" spans="1:3" x14ac:dyDescent="0.35">
      <c r="A256" s="3" t="s">
        <v>948</v>
      </c>
      <c r="B256" s="3" t="s">
        <v>959</v>
      </c>
      <c r="C256" s="284">
        <v>1</v>
      </c>
    </row>
    <row r="257" spans="1:3" x14ac:dyDescent="0.35">
      <c r="A257" s="3" t="s">
        <v>631</v>
      </c>
      <c r="B257" s="3" t="s">
        <v>649</v>
      </c>
      <c r="C257" s="284">
        <v>1</v>
      </c>
    </row>
    <row r="258" spans="1:3" x14ac:dyDescent="0.35">
      <c r="A258" s="3" t="s">
        <v>25</v>
      </c>
      <c r="B258" s="3" t="s">
        <v>26</v>
      </c>
      <c r="C258" s="284">
        <v>1</v>
      </c>
    </row>
    <row r="259" spans="1:3" x14ac:dyDescent="0.35">
      <c r="A259" s="3" t="s">
        <v>54</v>
      </c>
      <c r="B259" s="3" t="s">
        <v>443</v>
      </c>
      <c r="C259" s="284">
        <v>1</v>
      </c>
    </row>
    <row r="260" spans="1:3" x14ac:dyDescent="0.35">
      <c r="A260" s="3" t="s">
        <v>2029</v>
      </c>
      <c r="B260" s="3" t="s">
        <v>2037</v>
      </c>
      <c r="C260" s="284">
        <v>1</v>
      </c>
    </row>
    <row r="261" spans="1:3" x14ac:dyDescent="0.35">
      <c r="A261" s="3" t="s">
        <v>1515</v>
      </c>
      <c r="B261" s="3" t="s">
        <v>1539</v>
      </c>
      <c r="C261" s="284">
        <v>1</v>
      </c>
    </row>
    <row r="262" spans="1:3" x14ac:dyDescent="0.35">
      <c r="A262" s="3" t="s">
        <v>1974</v>
      </c>
      <c r="B262" s="3" t="s">
        <v>1980</v>
      </c>
      <c r="C262" s="284">
        <v>1</v>
      </c>
    </row>
    <row r="263" spans="1:3" x14ac:dyDescent="0.35">
      <c r="A263" s="3" t="s">
        <v>1515</v>
      </c>
      <c r="B263" s="3" t="s">
        <v>1540</v>
      </c>
      <c r="C263" s="284">
        <v>1</v>
      </c>
    </row>
    <row r="264" spans="1:3" x14ac:dyDescent="0.35">
      <c r="A264" s="3" t="s">
        <v>2</v>
      </c>
      <c r="B264" s="3" t="s">
        <v>4</v>
      </c>
      <c r="C264" s="284">
        <v>1</v>
      </c>
    </row>
    <row r="265" spans="1:3" x14ac:dyDescent="0.35">
      <c r="A265" s="3" t="s">
        <v>293</v>
      </c>
      <c r="B265" s="3" t="s">
        <v>302</v>
      </c>
      <c r="C265" s="284">
        <v>1</v>
      </c>
    </row>
    <row r="266" spans="1:3" x14ac:dyDescent="0.35">
      <c r="A266" s="3" t="s">
        <v>1945</v>
      </c>
      <c r="B266" s="3" t="s">
        <v>302</v>
      </c>
      <c r="C266" s="284">
        <v>1</v>
      </c>
    </row>
    <row r="267" spans="1:3" x14ac:dyDescent="0.35">
      <c r="A267" s="3" t="s">
        <v>2133</v>
      </c>
      <c r="B267" s="3" t="s">
        <v>2137</v>
      </c>
      <c r="C267" s="284">
        <v>1</v>
      </c>
    </row>
    <row r="268" spans="1:3" x14ac:dyDescent="0.35">
      <c r="A268" s="3" t="s">
        <v>2133</v>
      </c>
      <c r="B268" s="3" t="s">
        <v>2157</v>
      </c>
      <c r="C268" s="284">
        <v>1</v>
      </c>
    </row>
    <row r="269" spans="1:3" x14ac:dyDescent="0.35">
      <c r="A269" s="3" t="s">
        <v>1515</v>
      </c>
      <c r="B269" s="3" t="s">
        <v>1541</v>
      </c>
      <c r="C269" s="284">
        <v>1</v>
      </c>
    </row>
    <row r="270" spans="1:3" x14ac:dyDescent="0.35">
      <c r="A270" s="3" t="s">
        <v>25</v>
      </c>
      <c r="B270" s="3" t="s">
        <v>25</v>
      </c>
      <c r="C270" s="284">
        <v>0.98699999999999999</v>
      </c>
    </row>
    <row r="271" spans="1:3" x14ac:dyDescent="0.35">
      <c r="A271" s="3" t="s">
        <v>1880</v>
      </c>
      <c r="B271" s="3" t="s">
        <v>1899</v>
      </c>
      <c r="C271" s="284">
        <v>1</v>
      </c>
    </row>
    <row r="272" spans="1:3" x14ac:dyDescent="0.35">
      <c r="A272" s="3" t="s">
        <v>45</v>
      </c>
      <c r="B272" s="3" t="s">
        <v>46</v>
      </c>
      <c r="C272" s="284">
        <v>1</v>
      </c>
    </row>
    <row r="273" spans="1:3" x14ac:dyDescent="0.35">
      <c r="A273" s="3" t="s">
        <v>1734</v>
      </c>
      <c r="B273" s="3" t="s">
        <v>1742</v>
      </c>
      <c r="C273" s="284">
        <v>1.1120000000000001</v>
      </c>
    </row>
    <row r="274" spans="1:3" x14ac:dyDescent="0.35">
      <c r="A274" s="3" t="s">
        <v>84</v>
      </c>
      <c r="B274" s="3" t="s">
        <v>88</v>
      </c>
      <c r="C274" s="284">
        <v>1</v>
      </c>
    </row>
    <row r="275" spans="1:3" x14ac:dyDescent="0.35">
      <c r="A275" s="3" t="s">
        <v>25</v>
      </c>
      <c r="B275" s="3" t="s">
        <v>35</v>
      </c>
      <c r="C275" s="284">
        <v>1</v>
      </c>
    </row>
    <row r="276" spans="1:3" x14ac:dyDescent="0.35">
      <c r="A276" s="3" t="s">
        <v>948</v>
      </c>
      <c r="B276" s="3" t="s">
        <v>960</v>
      </c>
      <c r="C276" s="284">
        <v>1</v>
      </c>
    </row>
    <row r="277" spans="1:3" x14ac:dyDescent="0.35">
      <c r="A277" s="3" t="s">
        <v>45</v>
      </c>
      <c r="B277" s="3" t="s">
        <v>47</v>
      </c>
      <c r="C277" s="284">
        <v>1</v>
      </c>
    </row>
    <row r="278" spans="1:3" x14ac:dyDescent="0.35">
      <c r="A278" s="3" t="s">
        <v>2029</v>
      </c>
      <c r="B278" s="3" t="s">
        <v>2038</v>
      </c>
      <c r="C278" s="284">
        <v>1</v>
      </c>
    </row>
    <row r="279" spans="1:3" x14ac:dyDescent="0.35">
      <c r="A279" s="3" t="s">
        <v>2029</v>
      </c>
      <c r="B279" s="3" t="s">
        <v>2039</v>
      </c>
      <c r="C279" s="284">
        <v>1</v>
      </c>
    </row>
    <row r="280" spans="1:3" x14ac:dyDescent="0.35">
      <c r="A280" s="3" t="s">
        <v>1515</v>
      </c>
      <c r="B280" s="3" t="s">
        <v>1605</v>
      </c>
      <c r="C280" s="284">
        <v>1</v>
      </c>
    </row>
    <row r="281" spans="1:3" x14ac:dyDescent="0.35">
      <c r="A281" s="3" t="s">
        <v>512</v>
      </c>
      <c r="B281" s="3" t="s">
        <v>622</v>
      </c>
      <c r="C281" s="284">
        <v>1</v>
      </c>
    </row>
    <row r="282" spans="1:3" x14ac:dyDescent="0.35">
      <c r="A282" s="3" t="s">
        <v>1812</v>
      </c>
      <c r="B282" s="3" t="s">
        <v>1817</v>
      </c>
      <c r="C282" s="284">
        <v>1</v>
      </c>
    </row>
    <row r="283" spans="1:3" x14ac:dyDescent="0.35">
      <c r="A283" s="3" t="s">
        <v>948</v>
      </c>
      <c r="B283" s="3" t="s">
        <v>1192</v>
      </c>
      <c r="C283" s="284">
        <v>1</v>
      </c>
    </row>
    <row r="284" spans="1:3" x14ac:dyDescent="0.35">
      <c r="A284" s="3" t="s">
        <v>631</v>
      </c>
      <c r="B284" s="3" t="s">
        <v>650</v>
      </c>
      <c r="C284" s="284">
        <v>1</v>
      </c>
    </row>
    <row r="285" spans="1:3" x14ac:dyDescent="0.35">
      <c r="A285" s="3" t="s">
        <v>751</v>
      </c>
      <c r="B285" s="3" t="s">
        <v>762</v>
      </c>
      <c r="C285" s="284">
        <v>1</v>
      </c>
    </row>
    <row r="286" spans="1:3" x14ac:dyDescent="0.35">
      <c r="A286" s="3" t="s">
        <v>1880</v>
      </c>
      <c r="B286" s="3" t="s">
        <v>1900</v>
      </c>
      <c r="C286" s="284">
        <v>1</v>
      </c>
    </row>
    <row r="287" spans="1:3" x14ac:dyDescent="0.35">
      <c r="A287" s="3" t="s">
        <v>1744</v>
      </c>
      <c r="B287" s="3" t="s">
        <v>1749</v>
      </c>
      <c r="C287" s="284">
        <v>1</v>
      </c>
    </row>
    <row r="288" spans="1:3" x14ac:dyDescent="0.35">
      <c r="A288" s="3" t="s">
        <v>1796</v>
      </c>
      <c r="B288" s="278" t="s">
        <v>1749</v>
      </c>
      <c r="C288" s="284">
        <v>0.92300000000000004</v>
      </c>
    </row>
    <row r="289" spans="1:3" x14ac:dyDescent="0.35">
      <c r="A289" s="3" t="s">
        <v>54</v>
      </c>
      <c r="B289" s="3" t="s">
        <v>444</v>
      </c>
      <c r="C289" s="284">
        <v>1</v>
      </c>
    </row>
    <row r="290" spans="1:3" x14ac:dyDescent="0.35">
      <c r="A290" s="3" t="s">
        <v>293</v>
      </c>
      <c r="B290" s="3" t="s">
        <v>303</v>
      </c>
      <c r="C290" s="284">
        <v>1</v>
      </c>
    </row>
    <row r="291" spans="1:3" x14ac:dyDescent="0.35">
      <c r="A291" s="3" t="s">
        <v>2133</v>
      </c>
      <c r="B291" s="3" t="s">
        <v>2318</v>
      </c>
      <c r="C291" s="284">
        <v>1</v>
      </c>
    </row>
    <row r="292" spans="1:3" x14ac:dyDescent="0.35">
      <c r="A292" s="3" t="s">
        <v>25</v>
      </c>
      <c r="B292" s="3" t="s">
        <v>27</v>
      </c>
      <c r="C292" s="284">
        <v>1</v>
      </c>
    </row>
    <row r="293" spans="1:3" x14ac:dyDescent="0.35">
      <c r="A293" s="3" t="s">
        <v>2133</v>
      </c>
      <c r="B293" s="3" t="s">
        <v>2158</v>
      </c>
      <c r="C293" s="284">
        <v>1</v>
      </c>
    </row>
    <row r="294" spans="1:3" x14ac:dyDescent="0.35">
      <c r="A294" s="3" t="s">
        <v>1945</v>
      </c>
      <c r="B294" s="3" t="s">
        <v>1949</v>
      </c>
      <c r="C294" s="284">
        <v>1</v>
      </c>
    </row>
    <row r="295" spans="1:3" x14ac:dyDescent="0.35">
      <c r="A295" s="3" t="s">
        <v>293</v>
      </c>
      <c r="B295" s="3" t="s">
        <v>304</v>
      </c>
      <c r="C295" s="284">
        <v>1</v>
      </c>
    </row>
    <row r="296" spans="1:3" x14ac:dyDescent="0.35">
      <c r="A296" s="3" t="s">
        <v>512</v>
      </c>
      <c r="B296" s="3" t="s">
        <v>532</v>
      </c>
      <c r="C296" s="284">
        <v>1</v>
      </c>
    </row>
    <row r="297" spans="1:3" x14ac:dyDescent="0.35">
      <c r="A297" s="3" t="s">
        <v>84</v>
      </c>
      <c r="B297" s="3" t="s">
        <v>89</v>
      </c>
      <c r="C297" s="284">
        <v>1</v>
      </c>
    </row>
    <row r="298" spans="1:3" x14ac:dyDescent="0.35">
      <c r="A298" s="3" t="s">
        <v>2133</v>
      </c>
      <c r="B298" s="3" t="s">
        <v>2276</v>
      </c>
      <c r="C298" s="284">
        <v>1</v>
      </c>
    </row>
    <row r="299" spans="1:3" x14ac:dyDescent="0.35">
      <c r="A299" s="3" t="s">
        <v>176</v>
      </c>
      <c r="B299" s="3" t="s">
        <v>192</v>
      </c>
      <c r="C299" s="284">
        <v>1</v>
      </c>
    </row>
    <row r="300" spans="1:3" x14ac:dyDescent="0.35">
      <c r="A300" s="3" t="s">
        <v>2133</v>
      </c>
      <c r="B300" s="3" t="s">
        <v>2159</v>
      </c>
      <c r="C300" s="284">
        <v>1</v>
      </c>
    </row>
    <row r="301" spans="1:3" x14ac:dyDescent="0.35">
      <c r="A301" s="3" t="s">
        <v>1744</v>
      </c>
      <c r="B301" s="3" t="s">
        <v>1750</v>
      </c>
      <c r="C301" s="284">
        <v>1</v>
      </c>
    </row>
    <row r="302" spans="1:3" x14ac:dyDescent="0.35">
      <c r="A302" s="3" t="s">
        <v>1515</v>
      </c>
      <c r="B302" s="3" t="s">
        <v>1542</v>
      </c>
      <c r="C302" s="284">
        <v>1</v>
      </c>
    </row>
    <row r="303" spans="1:3" x14ac:dyDescent="0.35">
      <c r="A303" s="3" t="s">
        <v>2133</v>
      </c>
      <c r="B303" s="3" t="s">
        <v>2160</v>
      </c>
      <c r="C303" s="284">
        <v>1</v>
      </c>
    </row>
    <row r="304" spans="1:3" x14ac:dyDescent="0.35">
      <c r="A304" s="3" t="s">
        <v>1744</v>
      </c>
      <c r="B304" s="3" t="s">
        <v>1751</v>
      </c>
      <c r="C304" s="284">
        <v>1</v>
      </c>
    </row>
    <row r="305" spans="1:3" x14ac:dyDescent="0.35">
      <c r="A305" s="3" t="s">
        <v>133</v>
      </c>
      <c r="B305" s="3" t="s">
        <v>139</v>
      </c>
      <c r="C305" s="284">
        <v>0.93600000000000005</v>
      </c>
    </row>
    <row r="306" spans="1:3" x14ac:dyDescent="0.35">
      <c r="A306" s="3" t="s">
        <v>2029</v>
      </c>
      <c r="B306" s="3" t="s">
        <v>2040</v>
      </c>
      <c r="C306" s="284">
        <v>1</v>
      </c>
    </row>
    <row r="307" spans="1:3" x14ac:dyDescent="0.35">
      <c r="A307" s="3" t="s">
        <v>2029</v>
      </c>
      <c r="B307" s="3" t="s">
        <v>2041</v>
      </c>
      <c r="C307" s="284">
        <v>1</v>
      </c>
    </row>
    <row r="308" spans="1:3" x14ac:dyDescent="0.35">
      <c r="A308" s="3" t="s">
        <v>1796</v>
      </c>
      <c r="B308" s="3" t="s">
        <v>1798</v>
      </c>
      <c r="C308" s="284">
        <v>1</v>
      </c>
    </row>
    <row r="309" spans="1:3" x14ac:dyDescent="0.35">
      <c r="A309" s="3" t="s">
        <v>1796</v>
      </c>
      <c r="B309" s="3" t="s">
        <v>1799</v>
      </c>
      <c r="C309" s="284">
        <v>1</v>
      </c>
    </row>
    <row r="310" spans="1:3" x14ac:dyDescent="0.35">
      <c r="A310" s="3" t="s">
        <v>904</v>
      </c>
      <c r="B310" s="3" t="s">
        <v>913</v>
      </c>
      <c r="C310" s="284">
        <v>1</v>
      </c>
    </row>
    <row r="311" spans="1:3" x14ac:dyDescent="0.35">
      <c r="A311" s="3" t="s">
        <v>1744</v>
      </c>
      <c r="B311" s="3" t="s">
        <v>1752</v>
      </c>
      <c r="C311" s="284">
        <v>1</v>
      </c>
    </row>
    <row r="312" spans="1:3" x14ac:dyDescent="0.35">
      <c r="A312" s="3" t="s">
        <v>2133</v>
      </c>
      <c r="B312" s="3" t="s">
        <v>2161</v>
      </c>
      <c r="C312" s="284">
        <v>1</v>
      </c>
    </row>
    <row r="313" spans="1:3" x14ac:dyDescent="0.35">
      <c r="A313" s="3" t="s">
        <v>1744</v>
      </c>
      <c r="B313" s="3" t="s">
        <v>1753</v>
      </c>
      <c r="C313" s="284">
        <v>1</v>
      </c>
    </row>
    <row r="314" spans="1:3" x14ac:dyDescent="0.35">
      <c r="A314" s="3" t="s">
        <v>2133</v>
      </c>
      <c r="B314" s="3" t="s">
        <v>2180</v>
      </c>
      <c r="C314" s="284">
        <v>1</v>
      </c>
    </row>
    <row r="315" spans="1:3" x14ac:dyDescent="0.35">
      <c r="A315" s="3" t="s">
        <v>2029</v>
      </c>
      <c r="B315" s="3" t="s">
        <v>2045</v>
      </c>
      <c r="C315" s="284">
        <v>1</v>
      </c>
    </row>
    <row r="316" spans="1:3" x14ac:dyDescent="0.35">
      <c r="A316" s="3" t="s">
        <v>948</v>
      </c>
      <c r="B316" s="3" t="s">
        <v>973</v>
      </c>
      <c r="C316" s="284">
        <v>1</v>
      </c>
    </row>
    <row r="317" spans="1:3" x14ac:dyDescent="0.35">
      <c r="A317" s="3" t="s">
        <v>948</v>
      </c>
      <c r="B317" s="3" t="s">
        <v>974</v>
      </c>
      <c r="C317" s="284">
        <v>1</v>
      </c>
    </row>
    <row r="318" spans="1:3" x14ac:dyDescent="0.35">
      <c r="A318" s="3" t="s">
        <v>1515</v>
      </c>
      <c r="B318" s="3" t="s">
        <v>1557</v>
      </c>
      <c r="C318" s="284">
        <v>1</v>
      </c>
    </row>
    <row r="319" spans="1:3" x14ac:dyDescent="0.35">
      <c r="A319" s="3" t="s">
        <v>176</v>
      </c>
      <c r="B319" s="3" t="s">
        <v>198</v>
      </c>
      <c r="C319" s="284">
        <v>1</v>
      </c>
    </row>
    <row r="320" spans="1:3" x14ac:dyDescent="0.35">
      <c r="A320" s="3" t="s">
        <v>1812</v>
      </c>
      <c r="B320" s="3" t="s">
        <v>1819</v>
      </c>
      <c r="C320" s="284">
        <v>1</v>
      </c>
    </row>
    <row r="321" spans="1:3" x14ac:dyDescent="0.35">
      <c r="A321" s="3" t="s">
        <v>631</v>
      </c>
      <c r="B321" s="3" t="s">
        <v>656</v>
      </c>
      <c r="C321" s="284">
        <v>1</v>
      </c>
    </row>
    <row r="322" spans="1:3" x14ac:dyDescent="0.35">
      <c r="A322" s="3" t="s">
        <v>2133</v>
      </c>
      <c r="B322" s="3" t="s">
        <v>2181</v>
      </c>
      <c r="C322" s="284">
        <v>1</v>
      </c>
    </row>
    <row r="323" spans="1:3" x14ac:dyDescent="0.35">
      <c r="A323" s="3" t="s">
        <v>25</v>
      </c>
      <c r="B323" s="3" t="s">
        <v>28</v>
      </c>
      <c r="C323" s="284">
        <v>1</v>
      </c>
    </row>
    <row r="324" spans="1:3" x14ac:dyDescent="0.35">
      <c r="A324" s="3" t="s">
        <v>176</v>
      </c>
      <c r="B324" s="3" t="s">
        <v>199</v>
      </c>
      <c r="C324" s="284">
        <v>1</v>
      </c>
    </row>
    <row r="325" spans="1:3" x14ac:dyDescent="0.35">
      <c r="A325" s="3" t="s">
        <v>176</v>
      </c>
      <c r="B325" s="3" t="s">
        <v>200</v>
      </c>
      <c r="C325" s="284">
        <v>1</v>
      </c>
    </row>
    <row r="326" spans="1:3" x14ac:dyDescent="0.35">
      <c r="A326" s="3" t="s">
        <v>2029</v>
      </c>
      <c r="B326" s="3" t="s">
        <v>2046</v>
      </c>
      <c r="C326" s="284">
        <v>1</v>
      </c>
    </row>
    <row r="327" spans="1:3" x14ac:dyDescent="0.35">
      <c r="A327" s="3" t="s">
        <v>631</v>
      </c>
      <c r="B327" s="3" t="s">
        <v>657</v>
      </c>
      <c r="C327" s="284">
        <v>1</v>
      </c>
    </row>
    <row r="328" spans="1:3" x14ac:dyDescent="0.35">
      <c r="A328" s="3" t="s">
        <v>2029</v>
      </c>
      <c r="B328" s="3" t="s">
        <v>2047</v>
      </c>
      <c r="C328" s="284">
        <v>1</v>
      </c>
    </row>
    <row r="329" spans="1:3" x14ac:dyDescent="0.35">
      <c r="A329" s="3" t="s">
        <v>512</v>
      </c>
      <c r="B329" s="3" t="s">
        <v>540</v>
      </c>
      <c r="C329" s="284">
        <v>1</v>
      </c>
    </row>
    <row r="330" spans="1:3" x14ac:dyDescent="0.35">
      <c r="A330" s="3" t="s">
        <v>54</v>
      </c>
      <c r="B330" s="3" t="s">
        <v>446</v>
      </c>
      <c r="C330" s="284">
        <v>1</v>
      </c>
    </row>
    <row r="331" spans="1:3" x14ac:dyDescent="0.35">
      <c r="A331" s="3" t="s">
        <v>1515</v>
      </c>
      <c r="B331" s="3" t="s">
        <v>1558</v>
      </c>
      <c r="C331" s="284">
        <v>1</v>
      </c>
    </row>
    <row r="332" spans="1:3" x14ac:dyDescent="0.35">
      <c r="A332" s="3" t="s">
        <v>54</v>
      </c>
      <c r="B332" s="3" t="s">
        <v>447</v>
      </c>
      <c r="C332" s="284">
        <v>1</v>
      </c>
    </row>
    <row r="333" spans="1:3" x14ac:dyDescent="0.35">
      <c r="A333" s="3" t="s">
        <v>176</v>
      </c>
      <c r="B333" s="3" t="s">
        <v>201</v>
      </c>
      <c r="C333" s="284">
        <v>1</v>
      </c>
    </row>
    <row r="334" spans="1:3" x14ac:dyDescent="0.35">
      <c r="A334" s="3" t="s">
        <v>631</v>
      </c>
      <c r="B334" s="3" t="s">
        <v>658</v>
      </c>
      <c r="C334" s="284">
        <v>1</v>
      </c>
    </row>
    <row r="335" spans="1:3" x14ac:dyDescent="0.35">
      <c r="A335" s="3" t="s">
        <v>751</v>
      </c>
      <c r="B335" s="3" t="s">
        <v>770</v>
      </c>
      <c r="C335" s="284">
        <v>1</v>
      </c>
    </row>
    <row r="336" spans="1:3" x14ac:dyDescent="0.35">
      <c r="A336" s="3" t="s">
        <v>1744</v>
      </c>
      <c r="B336" s="3" t="s">
        <v>1758</v>
      </c>
      <c r="C336" s="284">
        <v>1</v>
      </c>
    </row>
    <row r="337" spans="1:3" x14ac:dyDescent="0.35">
      <c r="A337" s="3" t="s">
        <v>751</v>
      </c>
      <c r="B337" s="3" t="s">
        <v>771</v>
      </c>
      <c r="C337" s="284">
        <v>1</v>
      </c>
    </row>
    <row r="338" spans="1:3" x14ac:dyDescent="0.35">
      <c r="A338" s="3" t="s">
        <v>751</v>
      </c>
      <c r="B338" s="3" t="s">
        <v>772</v>
      </c>
      <c r="C338" s="284">
        <v>1</v>
      </c>
    </row>
    <row r="339" spans="1:3" x14ac:dyDescent="0.35">
      <c r="A339" s="3" t="s">
        <v>2029</v>
      </c>
      <c r="B339" s="3" t="s">
        <v>2048</v>
      </c>
      <c r="C339" s="284">
        <v>1</v>
      </c>
    </row>
    <row r="340" spans="1:3" x14ac:dyDescent="0.35">
      <c r="A340" s="3" t="s">
        <v>176</v>
      </c>
      <c r="B340" s="3" t="s">
        <v>202</v>
      </c>
      <c r="C340" s="284">
        <v>1</v>
      </c>
    </row>
    <row r="341" spans="1:3" x14ac:dyDescent="0.35">
      <c r="A341" s="3" t="s">
        <v>751</v>
      </c>
      <c r="B341" s="3" t="s">
        <v>773</v>
      </c>
      <c r="C341" s="284">
        <v>1</v>
      </c>
    </row>
    <row r="342" spans="1:3" x14ac:dyDescent="0.35">
      <c r="A342" s="3" t="s">
        <v>176</v>
      </c>
      <c r="B342" s="3" t="s">
        <v>203</v>
      </c>
      <c r="C342" s="284">
        <v>1</v>
      </c>
    </row>
    <row r="343" spans="1:3" x14ac:dyDescent="0.35">
      <c r="A343" s="3" t="s">
        <v>176</v>
      </c>
      <c r="B343" s="3" t="s">
        <v>204</v>
      </c>
      <c r="C343" s="284">
        <v>1</v>
      </c>
    </row>
    <row r="344" spans="1:3" x14ac:dyDescent="0.35">
      <c r="A344" s="3" t="s">
        <v>1974</v>
      </c>
      <c r="B344" s="3" t="s">
        <v>1984</v>
      </c>
      <c r="C344" s="284">
        <v>0.91400000000000003</v>
      </c>
    </row>
    <row r="345" spans="1:3" x14ac:dyDescent="0.35">
      <c r="A345" s="3" t="s">
        <v>631</v>
      </c>
      <c r="B345" s="3" t="s">
        <v>659</v>
      </c>
      <c r="C345" s="284">
        <v>1</v>
      </c>
    </row>
    <row r="346" spans="1:3" x14ac:dyDescent="0.35">
      <c r="A346" s="3" t="s">
        <v>1515</v>
      </c>
      <c r="B346" s="3" t="s">
        <v>659</v>
      </c>
      <c r="C346" s="284">
        <v>1</v>
      </c>
    </row>
    <row r="347" spans="1:3" x14ac:dyDescent="0.35">
      <c r="A347" s="3" t="s">
        <v>1515</v>
      </c>
      <c r="B347" s="3" t="s">
        <v>1559</v>
      </c>
      <c r="C347" s="284">
        <v>1</v>
      </c>
    </row>
    <row r="348" spans="1:3" x14ac:dyDescent="0.35">
      <c r="A348" s="3" t="s">
        <v>2029</v>
      </c>
      <c r="B348" s="3" t="s">
        <v>2050</v>
      </c>
      <c r="C348" s="284">
        <v>1</v>
      </c>
    </row>
    <row r="349" spans="1:3" x14ac:dyDescent="0.35">
      <c r="A349" s="3" t="s">
        <v>1515</v>
      </c>
      <c r="B349" s="3" t="s">
        <v>1561</v>
      </c>
      <c r="C349" s="284">
        <v>1</v>
      </c>
    </row>
    <row r="350" spans="1:3" x14ac:dyDescent="0.35">
      <c r="A350" s="3" t="s">
        <v>176</v>
      </c>
      <c r="B350" s="3" t="s">
        <v>205</v>
      </c>
      <c r="C350" s="284">
        <v>1</v>
      </c>
    </row>
    <row r="351" spans="1:3" x14ac:dyDescent="0.35">
      <c r="A351" s="3" t="s">
        <v>631</v>
      </c>
      <c r="B351" s="3" t="s">
        <v>660</v>
      </c>
      <c r="C351" s="284">
        <v>1</v>
      </c>
    </row>
    <row r="352" spans="1:3" x14ac:dyDescent="0.35">
      <c r="A352" s="3" t="s">
        <v>176</v>
      </c>
      <c r="B352" s="3" t="s">
        <v>206</v>
      </c>
      <c r="C352" s="284">
        <v>1</v>
      </c>
    </row>
    <row r="353" spans="1:3" x14ac:dyDescent="0.35">
      <c r="A353" s="3" t="s">
        <v>2133</v>
      </c>
      <c r="B353" s="3" t="s">
        <v>2182</v>
      </c>
      <c r="C353" s="284">
        <v>1</v>
      </c>
    </row>
    <row r="354" spans="1:3" x14ac:dyDescent="0.35">
      <c r="A354" s="3" t="s">
        <v>631</v>
      </c>
      <c r="B354" s="3" t="s">
        <v>661</v>
      </c>
      <c r="C354" s="284">
        <v>1</v>
      </c>
    </row>
    <row r="355" spans="1:3" x14ac:dyDescent="0.35">
      <c r="A355" s="3" t="s">
        <v>1515</v>
      </c>
      <c r="B355" s="3" t="s">
        <v>1560</v>
      </c>
      <c r="C355" s="284">
        <v>1</v>
      </c>
    </row>
    <row r="356" spans="1:3" x14ac:dyDescent="0.35">
      <c r="A356" s="3" t="s">
        <v>2133</v>
      </c>
      <c r="B356" s="3" t="s">
        <v>2183</v>
      </c>
      <c r="C356" s="284">
        <v>1</v>
      </c>
    </row>
    <row r="357" spans="1:3" x14ac:dyDescent="0.35">
      <c r="A357" s="3" t="s">
        <v>2133</v>
      </c>
      <c r="B357" s="3" t="s">
        <v>2184</v>
      </c>
      <c r="C357" s="284">
        <v>1</v>
      </c>
    </row>
    <row r="358" spans="1:3" x14ac:dyDescent="0.35">
      <c r="A358" s="3" t="s">
        <v>2029</v>
      </c>
      <c r="B358" s="3" t="s">
        <v>2049</v>
      </c>
      <c r="C358" s="284">
        <v>1</v>
      </c>
    </row>
    <row r="359" spans="1:3" x14ac:dyDescent="0.35">
      <c r="A359" s="3" t="s">
        <v>1515</v>
      </c>
      <c r="B359" s="3" t="s">
        <v>1562</v>
      </c>
      <c r="C359" s="284">
        <v>1</v>
      </c>
    </row>
    <row r="360" spans="1:3" x14ac:dyDescent="0.35">
      <c r="A360" s="3" t="s">
        <v>1515</v>
      </c>
      <c r="B360" s="3" t="s">
        <v>1563</v>
      </c>
      <c r="C360" s="284">
        <v>1</v>
      </c>
    </row>
    <row r="361" spans="1:3" x14ac:dyDescent="0.35">
      <c r="A361" s="3" t="s">
        <v>1515</v>
      </c>
      <c r="B361" s="3" t="s">
        <v>1564</v>
      </c>
      <c r="C361" s="284">
        <v>1</v>
      </c>
    </row>
    <row r="362" spans="1:3" x14ac:dyDescent="0.35">
      <c r="A362" s="3" t="s">
        <v>1515</v>
      </c>
      <c r="B362" s="3" t="s">
        <v>1565</v>
      </c>
      <c r="C362" s="284">
        <v>1</v>
      </c>
    </row>
    <row r="363" spans="1:3" x14ac:dyDescent="0.35">
      <c r="A363" s="3" t="s">
        <v>293</v>
      </c>
      <c r="B363" s="3" t="s">
        <v>293</v>
      </c>
      <c r="C363" s="284">
        <v>0.99199999999999999</v>
      </c>
    </row>
    <row r="364" spans="1:3" x14ac:dyDescent="0.35">
      <c r="A364" s="3" t="s">
        <v>2029</v>
      </c>
      <c r="B364" s="3" t="s">
        <v>2051</v>
      </c>
      <c r="C364" s="284">
        <v>1</v>
      </c>
    </row>
    <row r="365" spans="1:3" x14ac:dyDescent="0.35">
      <c r="A365" s="3" t="s">
        <v>1515</v>
      </c>
      <c r="B365" s="3" t="s">
        <v>1566</v>
      </c>
      <c r="C365" s="284">
        <v>1</v>
      </c>
    </row>
    <row r="366" spans="1:3" x14ac:dyDescent="0.35">
      <c r="A366" s="3" t="s">
        <v>1515</v>
      </c>
      <c r="B366" s="3" t="s">
        <v>1567</v>
      </c>
      <c r="C366" s="284">
        <v>1</v>
      </c>
    </row>
    <row r="367" spans="1:3" x14ac:dyDescent="0.35">
      <c r="A367" s="3" t="s">
        <v>95</v>
      </c>
      <c r="B367" s="3" t="s">
        <v>2327</v>
      </c>
      <c r="C367" s="284">
        <v>1</v>
      </c>
    </row>
    <row r="368" spans="1:3" x14ac:dyDescent="0.35">
      <c r="A368" s="3" t="s">
        <v>751</v>
      </c>
      <c r="B368" s="3" t="s">
        <v>774</v>
      </c>
      <c r="C368" s="284">
        <v>1</v>
      </c>
    </row>
    <row r="369" spans="1:3" x14ac:dyDescent="0.35">
      <c r="A369" s="3" t="s">
        <v>1515</v>
      </c>
      <c r="B369" s="3" t="s">
        <v>1569</v>
      </c>
      <c r="C369" s="284">
        <v>1</v>
      </c>
    </row>
    <row r="370" spans="1:3" x14ac:dyDescent="0.35">
      <c r="A370" s="3" t="s">
        <v>54</v>
      </c>
      <c r="B370" s="3" t="s">
        <v>448</v>
      </c>
      <c r="C370" s="284">
        <v>1</v>
      </c>
    </row>
    <row r="371" spans="1:3" x14ac:dyDescent="0.35">
      <c r="A371" s="3" t="s">
        <v>176</v>
      </c>
      <c r="B371" s="3" t="s">
        <v>207</v>
      </c>
      <c r="C371" s="284">
        <v>1</v>
      </c>
    </row>
    <row r="372" spans="1:3" x14ac:dyDescent="0.35">
      <c r="A372" s="3" t="s">
        <v>95</v>
      </c>
      <c r="B372" s="278" t="s">
        <v>376</v>
      </c>
      <c r="C372" s="284">
        <v>0.89400000000000002</v>
      </c>
    </row>
    <row r="373" spans="1:3" x14ac:dyDescent="0.35">
      <c r="A373" s="3" t="s">
        <v>631</v>
      </c>
      <c r="B373" s="3" t="s">
        <v>662</v>
      </c>
      <c r="C373" s="284">
        <v>1</v>
      </c>
    </row>
    <row r="374" spans="1:3" x14ac:dyDescent="0.35">
      <c r="A374" s="3" t="s">
        <v>512</v>
      </c>
      <c r="B374" s="3" t="s">
        <v>541</v>
      </c>
      <c r="C374" s="284">
        <v>1</v>
      </c>
    </row>
    <row r="375" spans="1:3" x14ac:dyDescent="0.35">
      <c r="A375" s="3" t="s">
        <v>904</v>
      </c>
      <c r="B375" s="3" t="s">
        <v>915</v>
      </c>
      <c r="C375" s="284">
        <v>0.99399999999999999</v>
      </c>
    </row>
    <row r="376" spans="1:3" x14ac:dyDescent="0.35">
      <c r="A376" s="3" t="s">
        <v>2133</v>
      </c>
      <c r="B376" s="3" t="s">
        <v>2185</v>
      </c>
      <c r="C376" s="284">
        <v>1</v>
      </c>
    </row>
    <row r="377" spans="1:3" x14ac:dyDescent="0.35">
      <c r="A377" s="3" t="s">
        <v>2133</v>
      </c>
      <c r="B377" s="3" t="s">
        <v>2186</v>
      </c>
      <c r="C377" s="284">
        <v>1</v>
      </c>
    </row>
    <row r="378" spans="1:3" x14ac:dyDescent="0.35">
      <c r="A378" s="3" t="s">
        <v>1515</v>
      </c>
      <c r="B378" s="3" t="s">
        <v>1570</v>
      </c>
      <c r="C378" s="284">
        <v>1</v>
      </c>
    </row>
    <row r="379" spans="1:3" x14ac:dyDescent="0.35">
      <c r="A379" s="3" t="s">
        <v>751</v>
      </c>
      <c r="B379" s="3" t="s">
        <v>775</v>
      </c>
      <c r="C379" s="284">
        <v>1</v>
      </c>
    </row>
    <row r="380" spans="1:3" x14ac:dyDescent="0.35">
      <c r="A380" s="3" t="s">
        <v>293</v>
      </c>
      <c r="B380" s="3" t="s">
        <v>309</v>
      </c>
      <c r="C380" s="284">
        <v>1</v>
      </c>
    </row>
    <row r="381" spans="1:3" x14ac:dyDescent="0.35">
      <c r="A381" s="3" t="s">
        <v>948</v>
      </c>
      <c r="B381" s="3" t="s">
        <v>975</v>
      </c>
      <c r="C381" s="284">
        <v>1</v>
      </c>
    </row>
    <row r="382" spans="1:3" x14ac:dyDescent="0.35">
      <c r="A382" s="3" t="s">
        <v>512</v>
      </c>
      <c r="B382" s="3" t="s">
        <v>542</v>
      </c>
      <c r="C382" s="284">
        <v>1</v>
      </c>
    </row>
    <row r="383" spans="1:3" x14ac:dyDescent="0.35">
      <c r="A383" s="3" t="s">
        <v>2133</v>
      </c>
      <c r="B383" s="3" t="s">
        <v>2188</v>
      </c>
      <c r="C383" s="284">
        <v>1</v>
      </c>
    </row>
    <row r="384" spans="1:3" x14ac:dyDescent="0.35">
      <c r="A384" s="3" t="s">
        <v>2029</v>
      </c>
      <c r="B384" s="3" t="s">
        <v>2052</v>
      </c>
      <c r="C384" s="284">
        <v>1</v>
      </c>
    </row>
    <row r="385" spans="1:3" x14ac:dyDescent="0.35">
      <c r="A385" s="3" t="s">
        <v>1861</v>
      </c>
      <c r="B385" s="3" t="s">
        <v>1870</v>
      </c>
      <c r="C385" s="284">
        <v>1</v>
      </c>
    </row>
    <row r="386" spans="1:3" x14ac:dyDescent="0.35">
      <c r="A386" s="3" t="s">
        <v>2133</v>
      </c>
      <c r="B386" s="3" t="s">
        <v>2189</v>
      </c>
      <c r="C386" s="284">
        <v>1</v>
      </c>
    </row>
    <row r="387" spans="1:3" x14ac:dyDescent="0.35">
      <c r="A387" s="3" t="s">
        <v>751</v>
      </c>
      <c r="B387" s="3" t="s">
        <v>776</v>
      </c>
      <c r="C387" s="284">
        <v>1</v>
      </c>
    </row>
    <row r="388" spans="1:3" x14ac:dyDescent="0.35">
      <c r="A388" s="3" t="s">
        <v>2133</v>
      </c>
      <c r="B388" s="3" t="s">
        <v>2190</v>
      </c>
      <c r="C388" s="284">
        <v>1</v>
      </c>
    </row>
    <row r="389" spans="1:3" x14ac:dyDescent="0.35">
      <c r="A389" s="3" t="s">
        <v>2029</v>
      </c>
      <c r="B389" s="3" t="s">
        <v>2053</v>
      </c>
      <c r="C389" s="284">
        <v>1</v>
      </c>
    </row>
    <row r="390" spans="1:3" x14ac:dyDescent="0.35">
      <c r="A390" s="3" t="s">
        <v>751</v>
      </c>
      <c r="B390" s="3" t="s">
        <v>777</v>
      </c>
      <c r="C390" s="284">
        <v>1</v>
      </c>
    </row>
    <row r="391" spans="1:3" x14ac:dyDescent="0.35">
      <c r="A391" s="3" t="s">
        <v>751</v>
      </c>
      <c r="B391" s="3" t="s">
        <v>778</v>
      </c>
      <c r="C391" s="284">
        <v>1</v>
      </c>
    </row>
    <row r="392" spans="1:3" x14ac:dyDescent="0.35">
      <c r="A392" s="3" t="s">
        <v>904</v>
      </c>
      <c r="B392" s="3" t="s">
        <v>914</v>
      </c>
      <c r="C392" s="284">
        <v>1</v>
      </c>
    </row>
    <row r="393" spans="1:3" x14ac:dyDescent="0.35">
      <c r="A393" s="3" t="s">
        <v>948</v>
      </c>
      <c r="B393" s="3" t="s">
        <v>961</v>
      </c>
      <c r="C393" s="284">
        <v>1</v>
      </c>
    </row>
    <row r="394" spans="1:3" x14ac:dyDescent="0.35">
      <c r="A394" s="3" t="s">
        <v>512</v>
      </c>
      <c r="B394" s="3" t="s">
        <v>533</v>
      </c>
      <c r="C394" s="284">
        <v>1</v>
      </c>
    </row>
    <row r="395" spans="1:3" x14ac:dyDescent="0.35">
      <c r="A395" s="3" t="s">
        <v>176</v>
      </c>
      <c r="B395" s="3" t="s">
        <v>193</v>
      </c>
      <c r="C395" s="284">
        <v>1</v>
      </c>
    </row>
    <row r="396" spans="1:3" x14ac:dyDescent="0.35">
      <c r="A396" s="3" t="s">
        <v>2133</v>
      </c>
      <c r="B396" s="3" t="s">
        <v>2162</v>
      </c>
      <c r="C396" s="284">
        <v>1</v>
      </c>
    </row>
    <row r="397" spans="1:3" x14ac:dyDescent="0.35">
      <c r="A397" s="3" t="s">
        <v>95</v>
      </c>
      <c r="B397" s="278" t="s">
        <v>429</v>
      </c>
      <c r="C397" s="284">
        <v>0.93100000000000005</v>
      </c>
    </row>
    <row r="398" spans="1:3" x14ac:dyDescent="0.35">
      <c r="A398" s="3" t="s">
        <v>1744</v>
      </c>
      <c r="B398" s="3" t="s">
        <v>1754</v>
      </c>
      <c r="C398" s="284">
        <v>1</v>
      </c>
    </row>
    <row r="399" spans="1:3" x14ac:dyDescent="0.35">
      <c r="A399" s="3" t="s">
        <v>1744</v>
      </c>
      <c r="B399" s="3" t="s">
        <v>1755</v>
      </c>
      <c r="C399" s="284">
        <v>1</v>
      </c>
    </row>
    <row r="400" spans="1:3" x14ac:dyDescent="0.35">
      <c r="A400" s="3" t="s">
        <v>948</v>
      </c>
      <c r="B400" s="3" t="s">
        <v>962</v>
      </c>
      <c r="C400" s="284">
        <v>1</v>
      </c>
    </row>
    <row r="401" spans="1:3" x14ac:dyDescent="0.35">
      <c r="A401" s="3" t="s">
        <v>1945</v>
      </c>
      <c r="B401" s="278" t="s">
        <v>1950</v>
      </c>
      <c r="C401" s="284">
        <v>1.0309999999999999</v>
      </c>
    </row>
    <row r="402" spans="1:3" x14ac:dyDescent="0.35">
      <c r="A402" s="3" t="s">
        <v>1744</v>
      </c>
      <c r="B402" s="3" t="s">
        <v>1757</v>
      </c>
      <c r="C402" s="284">
        <v>0.91800000000000004</v>
      </c>
    </row>
    <row r="403" spans="1:3" x14ac:dyDescent="0.35">
      <c r="A403" s="3" t="s">
        <v>631</v>
      </c>
      <c r="B403" s="278" t="s">
        <v>651</v>
      </c>
      <c r="C403" s="284">
        <v>0.97399999999999998</v>
      </c>
    </row>
    <row r="404" spans="1:3" x14ac:dyDescent="0.35">
      <c r="A404" s="3" t="s">
        <v>2133</v>
      </c>
      <c r="B404" s="3" t="s">
        <v>2163</v>
      </c>
      <c r="C404" s="284">
        <v>1</v>
      </c>
    </row>
    <row r="405" spans="1:3" x14ac:dyDescent="0.35">
      <c r="A405" s="3" t="s">
        <v>751</v>
      </c>
      <c r="B405" s="3" t="s">
        <v>763</v>
      </c>
      <c r="C405" s="284">
        <v>1</v>
      </c>
    </row>
    <row r="406" spans="1:3" x14ac:dyDescent="0.35">
      <c r="A406" s="3" t="s">
        <v>95</v>
      </c>
      <c r="B406" s="3" t="s">
        <v>364</v>
      </c>
      <c r="C406" s="284">
        <v>1</v>
      </c>
    </row>
    <row r="407" spans="1:3" x14ac:dyDescent="0.35">
      <c r="A407" s="3" t="s">
        <v>2133</v>
      </c>
      <c r="B407" s="3" t="s">
        <v>2164</v>
      </c>
      <c r="C407" s="284">
        <v>1</v>
      </c>
    </row>
    <row r="408" spans="1:3" x14ac:dyDescent="0.35">
      <c r="A408" s="3" t="s">
        <v>751</v>
      </c>
      <c r="B408" s="3" t="s">
        <v>764</v>
      </c>
      <c r="C408" s="284">
        <v>1</v>
      </c>
    </row>
    <row r="409" spans="1:3" x14ac:dyDescent="0.35">
      <c r="A409" s="3" t="s">
        <v>176</v>
      </c>
      <c r="B409" s="3" t="s">
        <v>194</v>
      </c>
      <c r="C409" s="284">
        <v>1</v>
      </c>
    </row>
    <row r="410" spans="1:3" x14ac:dyDescent="0.35">
      <c r="A410" s="3" t="s">
        <v>948</v>
      </c>
      <c r="B410" s="3" t="s">
        <v>963</v>
      </c>
      <c r="C410" s="284">
        <v>1</v>
      </c>
    </row>
    <row r="411" spans="1:3" x14ac:dyDescent="0.35">
      <c r="A411" s="3" t="s">
        <v>1515</v>
      </c>
      <c r="B411" s="3" t="s">
        <v>1543</v>
      </c>
      <c r="C411" s="284">
        <v>1</v>
      </c>
    </row>
    <row r="412" spans="1:3" x14ac:dyDescent="0.35">
      <c r="A412" s="3" t="s">
        <v>2133</v>
      </c>
      <c r="B412" s="278" t="s">
        <v>1543</v>
      </c>
      <c r="C412" s="284">
        <v>0.91700000000000004</v>
      </c>
    </row>
    <row r="413" spans="1:3" x14ac:dyDescent="0.35">
      <c r="A413" s="3" t="s">
        <v>631</v>
      </c>
      <c r="B413" s="3" t="s">
        <v>652</v>
      </c>
      <c r="C413" s="284">
        <v>1</v>
      </c>
    </row>
    <row r="414" spans="1:3" x14ac:dyDescent="0.35">
      <c r="A414" s="3" t="s">
        <v>101</v>
      </c>
      <c r="B414" s="3" t="s">
        <v>859</v>
      </c>
      <c r="C414" s="284">
        <v>1</v>
      </c>
    </row>
    <row r="415" spans="1:3" x14ac:dyDescent="0.35">
      <c r="A415" s="3" t="s">
        <v>2133</v>
      </c>
      <c r="B415" s="3" t="s">
        <v>2165</v>
      </c>
      <c r="C415" s="284">
        <v>1.0469999999999999</v>
      </c>
    </row>
    <row r="416" spans="1:3" x14ac:dyDescent="0.35">
      <c r="A416" s="3" t="s">
        <v>1515</v>
      </c>
      <c r="B416" s="3" t="s">
        <v>1544</v>
      </c>
      <c r="C416" s="284">
        <v>1</v>
      </c>
    </row>
    <row r="417" spans="1:3" x14ac:dyDescent="0.35">
      <c r="A417" s="3" t="s">
        <v>2133</v>
      </c>
      <c r="B417" s="3" t="s">
        <v>2166</v>
      </c>
      <c r="C417" s="284">
        <v>1</v>
      </c>
    </row>
    <row r="418" spans="1:3" x14ac:dyDescent="0.35">
      <c r="A418" s="3" t="s">
        <v>95</v>
      </c>
      <c r="B418" s="3" t="s">
        <v>425</v>
      </c>
      <c r="C418" s="284">
        <v>1</v>
      </c>
    </row>
    <row r="419" spans="1:3" x14ac:dyDescent="0.35">
      <c r="A419" s="3" t="s">
        <v>631</v>
      </c>
      <c r="B419" s="3" t="s">
        <v>653</v>
      </c>
      <c r="C419" s="284">
        <v>1</v>
      </c>
    </row>
    <row r="420" spans="1:3" x14ac:dyDescent="0.35">
      <c r="A420" s="3" t="s">
        <v>95</v>
      </c>
      <c r="B420" s="3" t="s">
        <v>365</v>
      </c>
      <c r="C420" s="284">
        <v>1</v>
      </c>
    </row>
    <row r="421" spans="1:3" x14ac:dyDescent="0.35">
      <c r="A421" s="3" t="s">
        <v>512</v>
      </c>
      <c r="B421" s="3" t="s">
        <v>365</v>
      </c>
      <c r="C421" s="284">
        <v>1</v>
      </c>
    </row>
    <row r="422" spans="1:3" x14ac:dyDescent="0.35">
      <c r="A422" s="3" t="s">
        <v>751</v>
      </c>
      <c r="B422" s="3" t="s">
        <v>765</v>
      </c>
      <c r="C422" s="284">
        <v>1</v>
      </c>
    </row>
    <row r="423" spans="1:3" x14ac:dyDescent="0.35">
      <c r="A423" s="3" t="s">
        <v>2133</v>
      </c>
      <c r="B423" s="3" t="s">
        <v>2167</v>
      </c>
      <c r="C423" s="284">
        <v>1</v>
      </c>
    </row>
    <row r="424" spans="1:3" x14ac:dyDescent="0.35">
      <c r="A424" s="3" t="s">
        <v>1515</v>
      </c>
      <c r="B424" s="3" t="s">
        <v>1545</v>
      </c>
      <c r="C424" s="284">
        <v>1</v>
      </c>
    </row>
    <row r="425" spans="1:3" x14ac:dyDescent="0.35">
      <c r="A425" s="3" t="s">
        <v>1515</v>
      </c>
      <c r="B425" s="3" t="s">
        <v>1546</v>
      </c>
      <c r="C425" s="284">
        <v>1</v>
      </c>
    </row>
    <row r="426" spans="1:3" x14ac:dyDescent="0.35">
      <c r="A426" s="3" t="s">
        <v>948</v>
      </c>
      <c r="B426" s="3" t="s">
        <v>964</v>
      </c>
      <c r="C426" s="284">
        <v>1</v>
      </c>
    </row>
    <row r="427" spans="1:3" x14ac:dyDescent="0.35">
      <c r="A427" s="3" t="s">
        <v>751</v>
      </c>
      <c r="B427" s="3" t="s">
        <v>818</v>
      </c>
      <c r="C427" s="284">
        <v>1</v>
      </c>
    </row>
    <row r="428" spans="1:3" x14ac:dyDescent="0.35">
      <c r="A428" s="3" t="s">
        <v>36</v>
      </c>
      <c r="B428" s="3" t="s">
        <v>36</v>
      </c>
      <c r="C428" s="284">
        <v>0.99399999999999999</v>
      </c>
    </row>
    <row r="429" spans="1:3" x14ac:dyDescent="0.35">
      <c r="A429" s="3" t="s">
        <v>2133</v>
      </c>
      <c r="B429" s="3" t="s">
        <v>2168</v>
      </c>
      <c r="C429" s="284">
        <v>1</v>
      </c>
    </row>
    <row r="430" spans="1:3" x14ac:dyDescent="0.35">
      <c r="A430" s="3" t="s">
        <v>1718</v>
      </c>
      <c r="B430" s="3" t="s">
        <v>1723</v>
      </c>
      <c r="C430" s="284">
        <v>1</v>
      </c>
    </row>
    <row r="431" spans="1:3" x14ac:dyDescent="0.35">
      <c r="A431" s="3" t="s">
        <v>512</v>
      </c>
      <c r="B431" s="3" t="s">
        <v>535</v>
      </c>
      <c r="C431" s="284">
        <v>1</v>
      </c>
    </row>
    <row r="432" spans="1:3" x14ac:dyDescent="0.35">
      <c r="A432" s="3" t="s">
        <v>36</v>
      </c>
      <c r="B432" s="3" t="s">
        <v>38</v>
      </c>
      <c r="C432" s="284">
        <v>1</v>
      </c>
    </row>
    <row r="433" spans="1:3" x14ac:dyDescent="0.35">
      <c r="A433" s="3" t="s">
        <v>1796</v>
      </c>
      <c r="B433" s="3" t="s">
        <v>1800</v>
      </c>
      <c r="C433" s="284">
        <v>1</v>
      </c>
    </row>
    <row r="434" spans="1:3" x14ac:dyDescent="0.35">
      <c r="A434" s="3" t="s">
        <v>2133</v>
      </c>
      <c r="B434" s="3" t="s">
        <v>2169</v>
      </c>
      <c r="C434" s="284">
        <v>1</v>
      </c>
    </row>
    <row r="435" spans="1:3" x14ac:dyDescent="0.35">
      <c r="A435" s="3" t="s">
        <v>176</v>
      </c>
      <c r="B435" s="3" t="s">
        <v>195</v>
      </c>
      <c r="C435" s="284">
        <v>0.89</v>
      </c>
    </row>
    <row r="436" spans="1:3" x14ac:dyDescent="0.35">
      <c r="A436" s="3" t="s">
        <v>19</v>
      </c>
      <c r="B436" s="3" t="s">
        <v>20</v>
      </c>
      <c r="C436" s="284">
        <v>1</v>
      </c>
    </row>
    <row r="437" spans="1:3" x14ac:dyDescent="0.35">
      <c r="A437" s="3" t="s">
        <v>133</v>
      </c>
      <c r="B437" s="3" t="s">
        <v>141</v>
      </c>
      <c r="C437" s="284">
        <v>1</v>
      </c>
    </row>
    <row r="438" spans="1:3" x14ac:dyDescent="0.35">
      <c r="A438" s="3" t="s">
        <v>885</v>
      </c>
      <c r="B438" s="3" t="s">
        <v>889</v>
      </c>
      <c r="C438" s="284">
        <v>0.90400000000000003</v>
      </c>
    </row>
    <row r="439" spans="1:3" x14ac:dyDescent="0.35">
      <c r="A439" s="3" t="s">
        <v>948</v>
      </c>
      <c r="B439" s="3" t="s">
        <v>966</v>
      </c>
      <c r="C439" s="284">
        <v>1</v>
      </c>
    </row>
    <row r="440" spans="1:3" x14ac:dyDescent="0.35">
      <c r="A440" s="3" t="s">
        <v>512</v>
      </c>
      <c r="B440" s="3" t="s">
        <v>536</v>
      </c>
      <c r="C440" s="284">
        <v>1</v>
      </c>
    </row>
    <row r="441" spans="1:3" x14ac:dyDescent="0.35">
      <c r="A441" s="3" t="s">
        <v>1812</v>
      </c>
      <c r="B441" s="3" t="s">
        <v>1818</v>
      </c>
      <c r="C441" s="284">
        <v>1</v>
      </c>
    </row>
    <row r="442" spans="1:3" x14ac:dyDescent="0.35">
      <c r="A442" s="3" t="s">
        <v>948</v>
      </c>
      <c r="B442" s="3" t="s">
        <v>967</v>
      </c>
      <c r="C442" s="284">
        <v>1</v>
      </c>
    </row>
    <row r="443" spans="1:3" x14ac:dyDescent="0.35">
      <c r="A443" s="3" t="s">
        <v>1861</v>
      </c>
      <c r="B443" s="3" t="s">
        <v>1867</v>
      </c>
      <c r="C443" s="284">
        <v>1</v>
      </c>
    </row>
    <row r="444" spans="1:3" x14ac:dyDescent="0.35">
      <c r="A444" s="3" t="s">
        <v>45</v>
      </c>
      <c r="B444" s="3" t="s">
        <v>48</v>
      </c>
      <c r="C444" s="284">
        <v>1</v>
      </c>
    </row>
    <row r="445" spans="1:3" x14ac:dyDescent="0.35">
      <c r="A445" s="3" t="s">
        <v>2029</v>
      </c>
      <c r="B445" s="3" t="s">
        <v>2042</v>
      </c>
      <c r="C445" s="284">
        <v>1</v>
      </c>
    </row>
    <row r="446" spans="1:3" x14ac:dyDescent="0.35">
      <c r="A446" s="3" t="s">
        <v>948</v>
      </c>
      <c r="B446" s="3" t="s">
        <v>968</v>
      </c>
      <c r="C446" s="284">
        <v>1</v>
      </c>
    </row>
    <row r="447" spans="1:3" x14ac:dyDescent="0.35">
      <c r="A447" s="3" t="s">
        <v>751</v>
      </c>
      <c r="B447" s="3" t="s">
        <v>766</v>
      </c>
      <c r="C447" s="284">
        <v>1</v>
      </c>
    </row>
    <row r="448" spans="1:3" x14ac:dyDescent="0.35">
      <c r="A448" s="3" t="s">
        <v>1974</v>
      </c>
      <c r="B448" s="3" t="s">
        <v>1992</v>
      </c>
      <c r="C448" s="284">
        <v>1</v>
      </c>
    </row>
    <row r="449" spans="1:3" x14ac:dyDescent="0.35">
      <c r="A449" s="3" t="s">
        <v>176</v>
      </c>
      <c r="B449" s="3" t="s">
        <v>197</v>
      </c>
      <c r="C449" s="284">
        <v>1</v>
      </c>
    </row>
    <row r="450" spans="1:3" x14ac:dyDescent="0.35">
      <c r="A450" s="3" t="s">
        <v>95</v>
      </c>
      <c r="B450" s="3" t="s">
        <v>366</v>
      </c>
      <c r="C450" s="284">
        <v>1</v>
      </c>
    </row>
    <row r="451" spans="1:3" x14ac:dyDescent="0.35">
      <c r="A451" s="3" t="s">
        <v>95</v>
      </c>
      <c r="B451" s="3" t="s">
        <v>367</v>
      </c>
      <c r="C451" s="284">
        <v>1</v>
      </c>
    </row>
    <row r="452" spans="1:3" x14ac:dyDescent="0.35">
      <c r="A452" s="3" t="s">
        <v>95</v>
      </c>
      <c r="B452" s="3" t="s">
        <v>368</v>
      </c>
      <c r="C452" s="284">
        <v>1</v>
      </c>
    </row>
    <row r="453" spans="1:3" x14ac:dyDescent="0.35">
      <c r="A453" s="3" t="s">
        <v>751</v>
      </c>
      <c r="B453" s="3" t="s">
        <v>767</v>
      </c>
      <c r="C453" s="284">
        <v>1</v>
      </c>
    </row>
    <row r="454" spans="1:3" x14ac:dyDescent="0.35">
      <c r="A454" s="3" t="s">
        <v>36</v>
      </c>
      <c r="B454" s="3" t="s">
        <v>39</v>
      </c>
      <c r="C454" s="284">
        <v>1</v>
      </c>
    </row>
    <row r="455" spans="1:3" x14ac:dyDescent="0.35">
      <c r="A455" s="3" t="s">
        <v>2133</v>
      </c>
      <c r="B455" s="3" t="s">
        <v>2170</v>
      </c>
      <c r="C455" s="284">
        <v>0.86399999999999999</v>
      </c>
    </row>
    <row r="456" spans="1:3" x14ac:dyDescent="0.35">
      <c r="A456" s="3" t="s">
        <v>293</v>
      </c>
      <c r="B456" s="3" t="s">
        <v>305</v>
      </c>
      <c r="C456" s="284">
        <v>1</v>
      </c>
    </row>
    <row r="457" spans="1:3" x14ac:dyDescent="0.35">
      <c r="A457" s="3" t="s">
        <v>1515</v>
      </c>
      <c r="B457" s="3" t="s">
        <v>1547</v>
      </c>
      <c r="C457" s="284">
        <v>1</v>
      </c>
    </row>
    <row r="458" spans="1:3" x14ac:dyDescent="0.35">
      <c r="A458" s="3" t="s">
        <v>133</v>
      </c>
      <c r="B458" s="3" t="s">
        <v>142</v>
      </c>
      <c r="C458" s="284">
        <v>1</v>
      </c>
    </row>
    <row r="459" spans="1:3" x14ac:dyDescent="0.35">
      <c r="A459" s="3" t="s">
        <v>1718</v>
      </c>
      <c r="B459" s="3" t="s">
        <v>1724</v>
      </c>
      <c r="C459" s="284">
        <v>1</v>
      </c>
    </row>
    <row r="460" spans="1:3" x14ac:dyDescent="0.35">
      <c r="A460" s="3" t="s">
        <v>133</v>
      </c>
      <c r="B460" s="3" t="s">
        <v>143</v>
      </c>
      <c r="C460" s="284">
        <v>1</v>
      </c>
    </row>
    <row r="461" spans="1:3" x14ac:dyDescent="0.35">
      <c r="A461" s="3" t="s">
        <v>1861</v>
      </c>
      <c r="B461" s="3" t="s">
        <v>1868</v>
      </c>
      <c r="C461" s="284">
        <v>1</v>
      </c>
    </row>
    <row r="462" spans="1:3" x14ac:dyDescent="0.35">
      <c r="A462" s="3" t="s">
        <v>2133</v>
      </c>
      <c r="B462" s="3" t="s">
        <v>2171</v>
      </c>
      <c r="C462" s="284">
        <v>1</v>
      </c>
    </row>
    <row r="463" spans="1:3" x14ac:dyDescent="0.35">
      <c r="A463" s="3" t="s">
        <v>2133</v>
      </c>
      <c r="B463" s="3" t="s">
        <v>2172</v>
      </c>
      <c r="C463" s="284">
        <v>1</v>
      </c>
    </row>
    <row r="464" spans="1:3" x14ac:dyDescent="0.35">
      <c r="A464" s="3" t="s">
        <v>2133</v>
      </c>
      <c r="B464" s="3" t="s">
        <v>2173</v>
      </c>
      <c r="C464" s="284">
        <v>1</v>
      </c>
    </row>
    <row r="465" spans="1:3" x14ac:dyDescent="0.35">
      <c r="A465" s="3" t="s">
        <v>2</v>
      </c>
      <c r="B465" s="3" t="s">
        <v>5</v>
      </c>
      <c r="C465" s="284">
        <v>1</v>
      </c>
    </row>
    <row r="466" spans="1:3" x14ac:dyDescent="0.35">
      <c r="A466" s="3" t="s">
        <v>948</v>
      </c>
      <c r="B466" s="3" t="s">
        <v>969</v>
      </c>
      <c r="C466" s="284">
        <v>1</v>
      </c>
    </row>
    <row r="467" spans="1:3" x14ac:dyDescent="0.35">
      <c r="A467" s="3" t="s">
        <v>2133</v>
      </c>
      <c r="B467" s="3" t="s">
        <v>2174</v>
      </c>
      <c r="C467" s="284">
        <v>1</v>
      </c>
    </row>
    <row r="468" spans="1:3" x14ac:dyDescent="0.35">
      <c r="A468" s="3" t="s">
        <v>948</v>
      </c>
      <c r="B468" s="3" t="s">
        <v>970</v>
      </c>
      <c r="C468" s="284">
        <v>1</v>
      </c>
    </row>
    <row r="469" spans="1:3" x14ac:dyDescent="0.35">
      <c r="A469" s="3" t="s">
        <v>2133</v>
      </c>
      <c r="B469" s="3" t="s">
        <v>2175</v>
      </c>
      <c r="C469" s="284">
        <v>1</v>
      </c>
    </row>
    <row r="470" spans="1:3" x14ac:dyDescent="0.35">
      <c r="A470" s="3" t="s">
        <v>751</v>
      </c>
      <c r="B470" s="3" t="s">
        <v>768</v>
      </c>
      <c r="C470" s="284">
        <v>1</v>
      </c>
    </row>
    <row r="471" spans="1:3" x14ac:dyDescent="0.35">
      <c r="A471" s="3" t="s">
        <v>1515</v>
      </c>
      <c r="B471" s="3" t="s">
        <v>1548</v>
      </c>
      <c r="C471" s="284">
        <v>1</v>
      </c>
    </row>
    <row r="472" spans="1:3" x14ac:dyDescent="0.35">
      <c r="A472" s="3" t="s">
        <v>1744</v>
      </c>
      <c r="B472" s="3" t="s">
        <v>1548</v>
      </c>
      <c r="C472" s="284">
        <v>1</v>
      </c>
    </row>
    <row r="473" spans="1:3" x14ac:dyDescent="0.35">
      <c r="A473" s="3" t="s">
        <v>2133</v>
      </c>
      <c r="B473" s="3" t="s">
        <v>2176</v>
      </c>
      <c r="C473" s="284">
        <v>1</v>
      </c>
    </row>
    <row r="474" spans="1:3" x14ac:dyDescent="0.35">
      <c r="A474" s="3" t="s">
        <v>293</v>
      </c>
      <c r="B474" s="3" t="s">
        <v>306</v>
      </c>
      <c r="C474" s="284">
        <v>1</v>
      </c>
    </row>
    <row r="475" spans="1:3" x14ac:dyDescent="0.35">
      <c r="A475" s="3" t="s">
        <v>2323</v>
      </c>
      <c r="B475" s="3" t="s">
        <v>121</v>
      </c>
      <c r="C475" s="284">
        <v>1</v>
      </c>
    </row>
    <row r="476" spans="1:3" x14ac:dyDescent="0.35">
      <c r="A476" s="3" t="s">
        <v>1515</v>
      </c>
      <c r="B476" s="3" t="s">
        <v>1549</v>
      </c>
      <c r="C476" s="284">
        <v>1</v>
      </c>
    </row>
    <row r="477" spans="1:3" x14ac:dyDescent="0.35">
      <c r="A477" s="3" t="s">
        <v>631</v>
      </c>
      <c r="B477" s="3" t="s">
        <v>654</v>
      </c>
      <c r="C477" s="284">
        <v>1</v>
      </c>
    </row>
    <row r="478" spans="1:3" x14ac:dyDescent="0.35">
      <c r="A478" s="3" t="s">
        <v>1515</v>
      </c>
      <c r="B478" s="3" t="s">
        <v>654</v>
      </c>
      <c r="C478" s="284">
        <v>1</v>
      </c>
    </row>
    <row r="479" spans="1:3" x14ac:dyDescent="0.35">
      <c r="A479" s="3" t="s">
        <v>95</v>
      </c>
      <c r="B479" s="3" t="s">
        <v>369</v>
      </c>
      <c r="C479" s="284">
        <v>1</v>
      </c>
    </row>
    <row r="480" spans="1:3" x14ac:dyDescent="0.35">
      <c r="A480" s="3" t="s">
        <v>95</v>
      </c>
      <c r="B480" s="3" t="s">
        <v>370</v>
      </c>
      <c r="C480" s="284">
        <v>1</v>
      </c>
    </row>
    <row r="481" spans="1:3" x14ac:dyDescent="0.35">
      <c r="A481" s="3" t="s">
        <v>2133</v>
      </c>
      <c r="B481" s="3" t="s">
        <v>2177</v>
      </c>
      <c r="C481" s="284">
        <v>1</v>
      </c>
    </row>
    <row r="482" spans="1:3" x14ac:dyDescent="0.35">
      <c r="A482" s="3" t="s">
        <v>1734</v>
      </c>
      <c r="B482" s="3" t="s">
        <v>1735</v>
      </c>
      <c r="C482" s="284">
        <v>1.24</v>
      </c>
    </row>
    <row r="483" spans="1:3" x14ac:dyDescent="0.35">
      <c r="A483" s="3" t="s">
        <v>1945</v>
      </c>
      <c r="B483" s="3" t="s">
        <v>1951</v>
      </c>
      <c r="C483" s="284">
        <v>1</v>
      </c>
    </row>
    <row r="484" spans="1:3" x14ac:dyDescent="0.35">
      <c r="A484" s="3" t="s">
        <v>2323</v>
      </c>
      <c r="B484" s="3" t="s">
        <v>122</v>
      </c>
      <c r="C484" s="284">
        <v>1</v>
      </c>
    </row>
    <row r="485" spans="1:3" x14ac:dyDescent="0.35">
      <c r="A485" s="3" t="s">
        <v>95</v>
      </c>
      <c r="B485" s="3" t="s">
        <v>371</v>
      </c>
      <c r="C485" s="284">
        <v>1</v>
      </c>
    </row>
    <row r="486" spans="1:3" x14ac:dyDescent="0.35">
      <c r="A486" s="3" t="s">
        <v>95</v>
      </c>
      <c r="B486" s="3" t="s">
        <v>372</v>
      </c>
      <c r="C486" s="284">
        <v>1</v>
      </c>
    </row>
    <row r="487" spans="1:3" x14ac:dyDescent="0.35">
      <c r="A487" s="3" t="s">
        <v>1974</v>
      </c>
      <c r="B487" s="3" t="s">
        <v>1982</v>
      </c>
      <c r="C487" s="284">
        <v>1</v>
      </c>
    </row>
    <row r="488" spans="1:3" x14ac:dyDescent="0.35">
      <c r="A488" s="3" t="s">
        <v>1515</v>
      </c>
      <c r="B488" s="3" t="s">
        <v>1550</v>
      </c>
      <c r="C488" s="284">
        <v>1</v>
      </c>
    </row>
    <row r="489" spans="1:3" x14ac:dyDescent="0.35">
      <c r="A489" s="3" t="s">
        <v>84</v>
      </c>
      <c r="B489" s="3" t="s">
        <v>90</v>
      </c>
      <c r="C489" s="284">
        <v>1</v>
      </c>
    </row>
    <row r="490" spans="1:3" x14ac:dyDescent="0.35">
      <c r="A490" s="3" t="s">
        <v>2323</v>
      </c>
      <c r="B490" s="3" t="s">
        <v>40</v>
      </c>
      <c r="C490" s="284">
        <v>1</v>
      </c>
    </row>
    <row r="491" spans="1:3" x14ac:dyDescent="0.35">
      <c r="A491" s="3" t="s">
        <v>293</v>
      </c>
      <c r="B491" s="278" t="s">
        <v>40</v>
      </c>
      <c r="C491" s="284">
        <v>1</v>
      </c>
    </row>
    <row r="492" spans="1:3" x14ac:dyDescent="0.35">
      <c r="A492" s="3" t="s">
        <v>36</v>
      </c>
      <c r="B492" s="3" t="s">
        <v>40</v>
      </c>
      <c r="C492" s="284">
        <v>1</v>
      </c>
    </row>
    <row r="493" spans="1:3" x14ac:dyDescent="0.35">
      <c r="A493" s="3" t="s">
        <v>1812</v>
      </c>
      <c r="B493" s="3" t="s">
        <v>40</v>
      </c>
      <c r="C493" s="284">
        <v>1</v>
      </c>
    </row>
    <row r="494" spans="1:3" x14ac:dyDescent="0.35">
      <c r="A494" s="3" t="s">
        <v>1515</v>
      </c>
      <c r="B494" s="3" t="s">
        <v>1551</v>
      </c>
      <c r="C494" s="284">
        <v>1</v>
      </c>
    </row>
    <row r="495" spans="1:3" x14ac:dyDescent="0.35">
      <c r="A495" s="3" t="s">
        <v>95</v>
      </c>
      <c r="B495" s="3" t="s">
        <v>373</v>
      </c>
      <c r="C495" s="284">
        <v>1</v>
      </c>
    </row>
    <row r="496" spans="1:3" x14ac:dyDescent="0.35">
      <c r="A496" s="3" t="s">
        <v>54</v>
      </c>
      <c r="B496" s="3" t="s">
        <v>445</v>
      </c>
      <c r="C496" s="284">
        <v>1</v>
      </c>
    </row>
    <row r="497" spans="1:3" x14ac:dyDescent="0.35">
      <c r="A497" s="3" t="s">
        <v>1515</v>
      </c>
      <c r="B497" s="3" t="s">
        <v>1552</v>
      </c>
      <c r="C497" s="284">
        <v>1</v>
      </c>
    </row>
    <row r="498" spans="1:3" x14ac:dyDescent="0.35">
      <c r="A498" s="3" t="s">
        <v>631</v>
      </c>
      <c r="B498" s="3" t="s">
        <v>655</v>
      </c>
      <c r="C498" s="284">
        <v>0.96899999999999997</v>
      </c>
    </row>
    <row r="499" spans="1:3" x14ac:dyDescent="0.35">
      <c r="A499" s="3" t="s">
        <v>512</v>
      </c>
      <c r="B499" s="3" t="s">
        <v>537</v>
      </c>
      <c r="C499" s="284">
        <v>1</v>
      </c>
    </row>
    <row r="500" spans="1:3" x14ac:dyDescent="0.35">
      <c r="A500" s="3" t="s">
        <v>631</v>
      </c>
      <c r="B500" s="278" t="s">
        <v>746</v>
      </c>
      <c r="C500" s="284">
        <v>0.95</v>
      </c>
    </row>
    <row r="501" spans="1:3" x14ac:dyDescent="0.35">
      <c r="A501" s="3" t="s">
        <v>512</v>
      </c>
      <c r="B501" s="3" t="s">
        <v>538</v>
      </c>
      <c r="C501" s="284">
        <v>1</v>
      </c>
    </row>
    <row r="502" spans="1:3" x14ac:dyDescent="0.35">
      <c r="A502" s="3" t="s">
        <v>101</v>
      </c>
      <c r="B502" s="278" t="s">
        <v>538</v>
      </c>
      <c r="C502" s="284">
        <v>0.90700000000000003</v>
      </c>
    </row>
    <row r="503" spans="1:3" x14ac:dyDescent="0.35">
      <c r="A503" s="3" t="s">
        <v>1515</v>
      </c>
      <c r="B503" s="3" t="s">
        <v>1553</v>
      </c>
      <c r="C503" s="284">
        <v>1</v>
      </c>
    </row>
    <row r="504" spans="1:3" x14ac:dyDescent="0.35">
      <c r="A504" s="3" t="s">
        <v>1974</v>
      </c>
      <c r="B504" s="3" t="s">
        <v>1983</v>
      </c>
      <c r="C504" s="284">
        <v>1</v>
      </c>
    </row>
    <row r="505" spans="1:3" x14ac:dyDescent="0.35">
      <c r="A505" s="3" t="s">
        <v>1515</v>
      </c>
      <c r="B505" s="3" t="s">
        <v>1554</v>
      </c>
      <c r="C505" s="284">
        <v>1</v>
      </c>
    </row>
    <row r="506" spans="1:3" x14ac:dyDescent="0.35">
      <c r="A506" s="3" t="s">
        <v>1880</v>
      </c>
      <c r="B506" s="3" t="s">
        <v>1902</v>
      </c>
      <c r="C506" s="284">
        <v>1</v>
      </c>
    </row>
    <row r="507" spans="1:3" x14ac:dyDescent="0.35">
      <c r="A507" s="3" t="s">
        <v>45</v>
      </c>
      <c r="B507" s="3" t="s">
        <v>49</v>
      </c>
      <c r="C507" s="284">
        <v>1</v>
      </c>
    </row>
    <row r="508" spans="1:3" x14ac:dyDescent="0.35">
      <c r="A508" s="3" t="s">
        <v>133</v>
      </c>
      <c r="B508" s="3" t="s">
        <v>144</v>
      </c>
      <c r="C508" s="284">
        <v>1</v>
      </c>
    </row>
    <row r="509" spans="1:3" x14ac:dyDescent="0.35">
      <c r="A509" s="3" t="s">
        <v>101</v>
      </c>
      <c r="B509" s="3" t="s">
        <v>860</v>
      </c>
      <c r="C509" s="284">
        <v>0.99299999999999999</v>
      </c>
    </row>
    <row r="510" spans="1:3" x14ac:dyDescent="0.35">
      <c r="A510" s="3" t="s">
        <v>95</v>
      </c>
      <c r="B510" s="3" t="s">
        <v>374</v>
      </c>
      <c r="C510" s="284">
        <v>1</v>
      </c>
    </row>
    <row r="511" spans="1:3" x14ac:dyDescent="0.35">
      <c r="A511" s="3" t="s">
        <v>1515</v>
      </c>
      <c r="B511" s="3" t="s">
        <v>1555</v>
      </c>
      <c r="C511" s="284">
        <v>1</v>
      </c>
    </row>
    <row r="512" spans="1:3" x14ac:dyDescent="0.35">
      <c r="A512" s="3" t="s">
        <v>2133</v>
      </c>
      <c r="B512" s="3" t="s">
        <v>2178</v>
      </c>
      <c r="C512" s="284">
        <v>1</v>
      </c>
    </row>
    <row r="513" spans="1:3" x14ac:dyDescent="0.35">
      <c r="A513" s="3" t="s">
        <v>948</v>
      </c>
      <c r="B513" s="3" t="s">
        <v>971</v>
      </c>
      <c r="C513" s="284">
        <v>1</v>
      </c>
    </row>
    <row r="514" spans="1:3" x14ac:dyDescent="0.35">
      <c r="A514" s="3" t="s">
        <v>2133</v>
      </c>
      <c r="B514" s="3" t="s">
        <v>2179</v>
      </c>
      <c r="C514" s="284">
        <v>1</v>
      </c>
    </row>
    <row r="515" spans="1:3" x14ac:dyDescent="0.35">
      <c r="A515" s="3" t="s">
        <v>751</v>
      </c>
      <c r="B515" s="3" t="s">
        <v>769</v>
      </c>
      <c r="C515" s="284">
        <v>1</v>
      </c>
    </row>
    <row r="516" spans="1:3" x14ac:dyDescent="0.35">
      <c r="A516" s="3" t="s">
        <v>1861</v>
      </c>
      <c r="B516" s="3" t="s">
        <v>1869</v>
      </c>
      <c r="C516" s="284">
        <v>1.0740000000000001</v>
      </c>
    </row>
    <row r="517" spans="1:3" x14ac:dyDescent="0.35">
      <c r="A517" s="3" t="s">
        <v>1880</v>
      </c>
      <c r="B517" s="3" t="s">
        <v>1903</v>
      </c>
      <c r="C517" s="284">
        <v>1</v>
      </c>
    </row>
    <row r="518" spans="1:3" x14ac:dyDescent="0.35">
      <c r="A518" s="3" t="s">
        <v>2029</v>
      </c>
      <c r="B518" s="3" t="s">
        <v>2043</v>
      </c>
      <c r="C518" s="284">
        <v>1</v>
      </c>
    </row>
    <row r="519" spans="1:3" x14ac:dyDescent="0.35">
      <c r="A519" s="3" t="s">
        <v>1796</v>
      </c>
      <c r="B519" s="3" t="s">
        <v>1801</v>
      </c>
      <c r="C519" s="284">
        <v>1</v>
      </c>
    </row>
    <row r="520" spans="1:3" x14ac:dyDescent="0.35">
      <c r="A520" s="3" t="s">
        <v>512</v>
      </c>
      <c r="B520" s="3" t="s">
        <v>539</v>
      </c>
      <c r="C520" s="284">
        <v>1</v>
      </c>
    </row>
    <row r="521" spans="1:3" x14ac:dyDescent="0.35">
      <c r="A521" s="3" t="s">
        <v>293</v>
      </c>
      <c r="B521" s="3" t="s">
        <v>308</v>
      </c>
      <c r="C521" s="284">
        <v>1</v>
      </c>
    </row>
    <row r="522" spans="1:3" x14ac:dyDescent="0.35">
      <c r="A522" s="3" t="s">
        <v>95</v>
      </c>
      <c r="B522" s="3" t="s">
        <v>375</v>
      </c>
      <c r="C522" s="284">
        <v>1</v>
      </c>
    </row>
    <row r="523" spans="1:3" x14ac:dyDescent="0.35">
      <c r="A523" s="3" t="s">
        <v>948</v>
      </c>
      <c r="B523" s="3" t="s">
        <v>972</v>
      </c>
      <c r="C523" s="284">
        <v>1</v>
      </c>
    </row>
    <row r="524" spans="1:3" x14ac:dyDescent="0.35">
      <c r="A524" s="3" t="s">
        <v>1515</v>
      </c>
      <c r="B524" s="3" t="s">
        <v>1556</v>
      </c>
      <c r="C524" s="284">
        <v>1</v>
      </c>
    </row>
    <row r="525" spans="1:3" x14ac:dyDescent="0.35">
      <c r="A525" s="3" t="s">
        <v>2029</v>
      </c>
      <c r="B525" s="3" t="s">
        <v>2044</v>
      </c>
      <c r="C525" s="284">
        <v>1</v>
      </c>
    </row>
    <row r="526" spans="1:3" x14ac:dyDescent="0.35">
      <c r="A526" s="3" t="s">
        <v>512</v>
      </c>
      <c r="B526" s="3" t="s">
        <v>543</v>
      </c>
      <c r="C526" s="284">
        <v>1</v>
      </c>
    </row>
    <row r="527" spans="1:3" x14ac:dyDescent="0.35">
      <c r="A527" s="3" t="s">
        <v>885</v>
      </c>
      <c r="B527" s="3" t="s">
        <v>894</v>
      </c>
      <c r="C527" s="284">
        <v>1</v>
      </c>
    </row>
    <row r="528" spans="1:3" x14ac:dyDescent="0.35">
      <c r="A528" s="3" t="s">
        <v>293</v>
      </c>
      <c r="B528" s="3" t="s">
        <v>310</v>
      </c>
      <c r="C528" s="284">
        <v>0.73699999999999999</v>
      </c>
    </row>
    <row r="529" spans="1:3" x14ac:dyDescent="0.35">
      <c r="A529" s="3" t="s">
        <v>1880</v>
      </c>
      <c r="B529" s="3" t="s">
        <v>1904</v>
      </c>
      <c r="C529" s="284">
        <v>1</v>
      </c>
    </row>
    <row r="530" spans="1:3" x14ac:dyDescent="0.35">
      <c r="A530" s="3" t="s">
        <v>904</v>
      </c>
      <c r="B530" s="3" t="s">
        <v>916</v>
      </c>
      <c r="C530" s="284">
        <v>1</v>
      </c>
    </row>
    <row r="531" spans="1:3" x14ac:dyDescent="0.35">
      <c r="A531" s="3" t="s">
        <v>904</v>
      </c>
      <c r="B531" s="3" t="s">
        <v>917</v>
      </c>
      <c r="C531" s="284">
        <v>1</v>
      </c>
    </row>
    <row r="532" spans="1:3" x14ac:dyDescent="0.35">
      <c r="A532" s="3" t="s">
        <v>904</v>
      </c>
      <c r="B532" s="3" t="s">
        <v>918</v>
      </c>
      <c r="C532" s="284">
        <v>1</v>
      </c>
    </row>
    <row r="533" spans="1:3" x14ac:dyDescent="0.35">
      <c r="A533" s="3" t="s">
        <v>133</v>
      </c>
      <c r="B533" s="3" t="s">
        <v>145</v>
      </c>
      <c r="C533" s="284">
        <v>1</v>
      </c>
    </row>
    <row r="534" spans="1:3" x14ac:dyDescent="0.35">
      <c r="A534" s="3" t="s">
        <v>133</v>
      </c>
      <c r="B534" s="278" t="s">
        <v>146</v>
      </c>
      <c r="C534" s="284">
        <v>0.90600000000000003</v>
      </c>
    </row>
    <row r="535" spans="1:3" x14ac:dyDescent="0.35">
      <c r="A535" s="3" t="s">
        <v>1515</v>
      </c>
      <c r="B535" s="3" t="s">
        <v>1571</v>
      </c>
      <c r="C535" s="284">
        <v>1</v>
      </c>
    </row>
    <row r="536" spans="1:3" x14ac:dyDescent="0.35">
      <c r="A536" s="3" t="s">
        <v>631</v>
      </c>
      <c r="B536" s="3" t="s">
        <v>663</v>
      </c>
      <c r="C536" s="284">
        <v>1</v>
      </c>
    </row>
    <row r="537" spans="1:3" x14ac:dyDescent="0.35">
      <c r="A537" s="3" t="s">
        <v>293</v>
      </c>
      <c r="B537" s="3" t="s">
        <v>311</v>
      </c>
      <c r="C537" s="284">
        <v>1</v>
      </c>
    </row>
    <row r="538" spans="1:3" x14ac:dyDescent="0.35">
      <c r="A538" s="3" t="s">
        <v>45</v>
      </c>
      <c r="B538" s="3" t="s">
        <v>45</v>
      </c>
      <c r="C538" s="284">
        <v>0.94</v>
      </c>
    </row>
    <row r="539" spans="1:3" x14ac:dyDescent="0.35">
      <c r="A539" s="3" t="s">
        <v>2029</v>
      </c>
      <c r="B539" s="3" t="s">
        <v>2054</v>
      </c>
      <c r="C539" s="284">
        <v>1</v>
      </c>
    </row>
    <row r="540" spans="1:3" x14ac:dyDescent="0.35">
      <c r="A540" s="3" t="s">
        <v>2029</v>
      </c>
      <c r="B540" s="3" t="s">
        <v>2055</v>
      </c>
      <c r="C540" s="284">
        <v>1</v>
      </c>
    </row>
    <row r="541" spans="1:3" x14ac:dyDescent="0.35">
      <c r="A541" s="3" t="s">
        <v>2029</v>
      </c>
      <c r="B541" s="3" t="s">
        <v>2056</v>
      </c>
      <c r="C541" s="284">
        <v>1</v>
      </c>
    </row>
    <row r="542" spans="1:3" x14ac:dyDescent="0.35">
      <c r="A542" s="3" t="s">
        <v>2029</v>
      </c>
      <c r="B542" s="3" t="s">
        <v>2057</v>
      </c>
      <c r="C542" s="284">
        <v>1</v>
      </c>
    </row>
    <row r="543" spans="1:3" x14ac:dyDescent="0.35">
      <c r="A543" s="3" t="s">
        <v>2029</v>
      </c>
      <c r="B543" s="3" t="s">
        <v>2058</v>
      </c>
      <c r="C543" s="284">
        <v>1</v>
      </c>
    </row>
    <row r="544" spans="1:3" x14ac:dyDescent="0.35">
      <c r="A544" s="3" t="s">
        <v>2029</v>
      </c>
      <c r="B544" s="3" t="s">
        <v>2059</v>
      </c>
      <c r="C544" s="284">
        <v>1</v>
      </c>
    </row>
    <row r="545" spans="1:3" x14ac:dyDescent="0.35">
      <c r="A545" s="3" t="s">
        <v>2029</v>
      </c>
      <c r="B545" s="3" t="s">
        <v>2060</v>
      </c>
      <c r="C545" s="284">
        <v>1</v>
      </c>
    </row>
    <row r="546" spans="1:3" x14ac:dyDescent="0.35">
      <c r="A546" s="3" t="s">
        <v>1744</v>
      </c>
      <c r="B546" s="3" t="s">
        <v>1759</v>
      </c>
      <c r="C546" s="284">
        <v>1</v>
      </c>
    </row>
    <row r="547" spans="1:3" x14ac:dyDescent="0.35">
      <c r="A547" s="3" t="s">
        <v>631</v>
      </c>
      <c r="B547" s="3" t="s">
        <v>664</v>
      </c>
      <c r="C547" s="284">
        <v>1</v>
      </c>
    </row>
    <row r="548" spans="1:3" x14ac:dyDescent="0.35">
      <c r="A548" s="3" t="s">
        <v>631</v>
      </c>
      <c r="B548" s="3" t="s">
        <v>665</v>
      </c>
      <c r="C548" s="284">
        <v>1</v>
      </c>
    </row>
    <row r="549" spans="1:3" x14ac:dyDescent="0.35">
      <c r="A549" s="3" t="s">
        <v>751</v>
      </c>
      <c r="B549" s="3" t="s">
        <v>779</v>
      </c>
      <c r="C549" s="284">
        <v>1</v>
      </c>
    </row>
    <row r="550" spans="1:3" x14ac:dyDescent="0.35">
      <c r="A550" s="3" t="s">
        <v>95</v>
      </c>
      <c r="B550" s="3" t="s">
        <v>422</v>
      </c>
      <c r="C550" s="284">
        <v>1</v>
      </c>
    </row>
    <row r="551" spans="1:3" x14ac:dyDescent="0.35">
      <c r="A551" s="3" t="s">
        <v>512</v>
      </c>
      <c r="B551" s="3" t="s">
        <v>544</v>
      </c>
      <c r="C551" s="284">
        <v>1</v>
      </c>
    </row>
    <row r="552" spans="1:3" x14ac:dyDescent="0.35">
      <c r="A552" s="3" t="s">
        <v>54</v>
      </c>
      <c r="B552" s="3" t="s">
        <v>438</v>
      </c>
      <c r="C552" s="284">
        <v>1</v>
      </c>
    </row>
    <row r="553" spans="1:3" x14ac:dyDescent="0.35">
      <c r="A553" s="3" t="s">
        <v>512</v>
      </c>
      <c r="B553" s="3" t="s">
        <v>438</v>
      </c>
      <c r="C553" s="284">
        <v>1</v>
      </c>
    </row>
    <row r="554" spans="1:3" x14ac:dyDescent="0.35">
      <c r="A554" s="3" t="s">
        <v>948</v>
      </c>
      <c r="B554" s="3" t="s">
        <v>958</v>
      </c>
      <c r="C554" s="284">
        <v>1</v>
      </c>
    </row>
    <row r="555" spans="1:3" x14ac:dyDescent="0.35">
      <c r="A555" s="3" t="s">
        <v>176</v>
      </c>
      <c r="B555" s="3" t="s">
        <v>190</v>
      </c>
      <c r="C555" s="284">
        <v>1</v>
      </c>
    </row>
    <row r="556" spans="1:3" x14ac:dyDescent="0.35">
      <c r="A556" s="3" t="s">
        <v>904</v>
      </c>
      <c r="B556" s="3" t="s">
        <v>912</v>
      </c>
      <c r="C556" s="284">
        <v>1</v>
      </c>
    </row>
    <row r="557" spans="1:3" x14ac:dyDescent="0.35">
      <c r="A557" s="3" t="s">
        <v>1974</v>
      </c>
      <c r="B557" s="3" t="s">
        <v>1981</v>
      </c>
      <c r="C557" s="284">
        <v>1</v>
      </c>
    </row>
    <row r="558" spans="1:3" x14ac:dyDescent="0.35">
      <c r="A558" s="3" t="s">
        <v>948</v>
      </c>
      <c r="B558" s="3" t="s">
        <v>978</v>
      </c>
      <c r="C558" s="284">
        <v>1</v>
      </c>
    </row>
    <row r="559" spans="1:3" x14ac:dyDescent="0.35">
      <c r="A559" s="3" t="s">
        <v>1861</v>
      </c>
      <c r="B559" s="3" t="s">
        <v>1873</v>
      </c>
      <c r="C559" s="284">
        <v>1</v>
      </c>
    </row>
    <row r="560" spans="1:3" x14ac:dyDescent="0.35">
      <c r="A560" s="3" t="s">
        <v>512</v>
      </c>
      <c r="B560" s="3" t="s">
        <v>547</v>
      </c>
      <c r="C560" s="284">
        <v>1</v>
      </c>
    </row>
    <row r="561" spans="1:3" x14ac:dyDescent="0.35">
      <c r="A561" s="3" t="s">
        <v>2133</v>
      </c>
      <c r="B561" s="3" t="s">
        <v>2315</v>
      </c>
      <c r="C561" s="284">
        <v>1</v>
      </c>
    </row>
    <row r="562" spans="1:3" x14ac:dyDescent="0.35">
      <c r="A562" s="3" t="s">
        <v>512</v>
      </c>
      <c r="B562" s="3" t="s">
        <v>563</v>
      </c>
      <c r="C562" s="284">
        <v>1</v>
      </c>
    </row>
    <row r="563" spans="1:3" x14ac:dyDescent="0.35">
      <c r="A563" s="3" t="s">
        <v>2</v>
      </c>
      <c r="B563" s="3" t="s">
        <v>11</v>
      </c>
      <c r="C563" s="284">
        <v>1</v>
      </c>
    </row>
    <row r="564" spans="1:3" x14ac:dyDescent="0.35">
      <c r="A564" s="3" t="s">
        <v>1945</v>
      </c>
      <c r="B564" s="3" t="s">
        <v>1958</v>
      </c>
      <c r="C564" s="284">
        <v>1</v>
      </c>
    </row>
    <row r="565" spans="1:3" x14ac:dyDescent="0.35">
      <c r="A565" s="3" t="s">
        <v>1718</v>
      </c>
      <c r="B565" s="3" t="s">
        <v>1729</v>
      </c>
      <c r="C565" s="284">
        <v>1</v>
      </c>
    </row>
    <row r="566" spans="1:3" x14ac:dyDescent="0.35">
      <c r="A566" s="3" t="s">
        <v>1744</v>
      </c>
      <c r="B566" s="3" t="s">
        <v>1795</v>
      </c>
      <c r="C566" s="284">
        <v>1</v>
      </c>
    </row>
    <row r="567" spans="1:3" x14ac:dyDescent="0.35">
      <c r="A567" s="3" t="s">
        <v>45</v>
      </c>
      <c r="B567" s="3" t="s">
        <v>62</v>
      </c>
      <c r="C567" s="284">
        <v>1</v>
      </c>
    </row>
    <row r="568" spans="1:3" x14ac:dyDescent="0.35">
      <c r="A568" s="3" t="s">
        <v>631</v>
      </c>
      <c r="B568" s="3" t="s">
        <v>62</v>
      </c>
      <c r="C568" s="284">
        <v>1</v>
      </c>
    </row>
    <row r="569" spans="1:3" x14ac:dyDescent="0.35">
      <c r="A569" s="3" t="s">
        <v>1812</v>
      </c>
      <c r="B569" s="3" t="s">
        <v>1825</v>
      </c>
      <c r="C569" s="284">
        <v>1</v>
      </c>
    </row>
    <row r="570" spans="1:3" x14ac:dyDescent="0.35">
      <c r="A570" s="3" t="s">
        <v>176</v>
      </c>
      <c r="B570" s="3" t="s">
        <v>245</v>
      </c>
      <c r="C570" s="284">
        <v>1</v>
      </c>
    </row>
    <row r="571" spans="1:3" x14ac:dyDescent="0.35">
      <c r="A571" s="3" t="s">
        <v>512</v>
      </c>
      <c r="B571" s="3" t="s">
        <v>579</v>
      </c>
      <c r="C571" s="284">
        <v>1</v>
      </c>
    </row>
    <row r="572" spans="1:3" x14ac:dyDescent="0.35">
      <c r="A572" s="3" t="s">
        <v>1812</v>
      </c>
      <c r="B572" s="3" t="s">
        <v>1846</v>
      </c>
      <c r="C572" s="284">
        <v>1</v>
      </c>
    </row>
    <row r="573" spans="1:3" x14ac:dyDescent="0.35">
      <c r="A573" s="3" t="s">
        <v>293</v>
      </c>
      <c r="B573" s="3" t="s">
        <v>347</v>
      </c>
      <c r="C573" s="284">
        <v>1</v>
      </c>
    </row>
    <row r="574" spans="1:3" x14ac:dyDescent="0.35">
      <c r="A574" s="3" t="s">
        <v>1861</v>
      </c>
      <c r="B574" s="3" t="s">
        <v>1871</v>
      </c>
      <c r="C574" s="284">
        <v>1</v>
      </c>
    </row>
    <row r="575" spans="1:3" x14ac:dyDescent="0.35">
      <c r="A575" s="3" t="s">
        <v>54</v>
      </c>
      <c r="B575" s="3" t="s">
        <v>449</v>
      </c>
      <c r="C575" s="284">
        <v>1</v>
      </c>
    </row>
    <row r="576" spans="1:3" x14ac:dyDescent="0.35">
      <c r="A576" s="3" t="s">
        <v>1515</v>
      </c>
      <c r="B576" s="3" t="s">
        <v>449</v>
      </c>
      <c r="C576" s="284">
        <v>1</v>
      </c>
    </row>
    <row r="577" spans="1:3" x14ac:dyDescent="0.35">
      <c r="A577" s="3" t="s">
        <v>948</v>
      </c>
      <c r="B577" s="3" t="s">
        <v>977</v>
      </c>
      <c r="C577" s="284">
        <v>1</v>
      </c>
    </row>
    <row r="578" spans="1:3" x14ac:dyDescent="0.35">
      <c r="A578" s="3" t="s">
        <v>54</v>
      </c>
      <c r="B578" s="3" t="s">
        <v>450</v>
      </c>
      <c r="C578" s="284">
        <v>1</v>
      </c>
    </row>
    <row r="579" spans="1:3" x14ac:dyDescent="0.35">
      <c r="A579" s="3" t="s">
        <v>101</v>
      </c>
      <c r="B579" s="3" t="s">
        <v>450</v>
      </c>
      <c r="C579" s="284">
        <v>1</v>
      </c>
    </row>
    <row r="580" spans="1:3" x14ac:dyDescent="0.35">
      <c r="A580" s="3" t="s">
        <v>1796</v>
      </c>
      <c r="B580" s="3" t="s">
        <v>450</v>
      </c>
      <c r="C580" s="284">
        <v>1</v>
      </c>
    </row>
    <row r="581" spans="1:3" x14ac:dyDescent="0.35">
      <c r="A581" s="3" t="s">
        <v>1974</v>
      </c>
      <c r="B581" s="3" t="s">
        <v>450</v>
      </c>
      <c r="C581" s="284">
        <v>1</v>
      </c>
    </row>
    <row r="582" spans="1:3" x14ac:dyDescent="0.35">
      <c r="A582" s="3" t="s">
        <v>2133</v>
      </c>
      <c r="B582" s="3" t="s">
        <v>450</v>
      </c>
      <c r="C582" s="284">
        <v>1</v>
      </c>
    </row>
    <row r="583" spans="1:3" x14ac:dyDescent="0.35">
      <c r="A583" s="3" t="s">
        <v>1880</v>
      </c>
      <c r="B583" s="3" t="s">
        <v>1905</v>
      </c>
      <c r="C583" s="284">
        <v>0.95899999999999996</v>
      </c>
    </row>
    <row r="584" spans="1:3" x14ac:dyDescent="0.35">
      <c r="A584" s="3" t="s">
        <v>512</v>
      </c>
      <c r="B584" s="3" t="s">
        <v>545</v>
      </c>
      <c r="C584" s="284">
        <v>1</v>
      </c>
    </row>
    <row r="585" spans="1:3" x14ac:dyDescent="0.35">
      <c r="A585" s="3" t="s">
        <v>13</v>
      </c>
      <c r="B585" s="3" t="s">
        <v>14</v>
      </c>
      <c r="C585" s="284">
        <v>1.1379999999999999</v>
      </c>
    </row>
    <row r="586" spans="1:3" x14ac:dyDescent="0.35">
      <c r="A586" s="3" t="s">
        <v>1515</v>
      </c>
      <c r="B586" s="3" t="s">
        <v>1572</v>
      </c>
      <c r="C586" s="284">
        <v>1</v>
      </c>
    </row>
    <row r="587" spans="1:3" x14ac:dyDescent="0.35">
      <c r="A587" s="3" t="s">
        <v>54</v>
      </c>
      <c r="B587" s="3" t="s">
        <v>451</v>
      </c>
      <c r="C587" s="284">
        <v>1</v>
      </c>
    </row>
    <row r="588" spans="1:3" x14ac:dyDescent="0.35">
      <c r="A588" s="3" t="s">
        <v>751</v>
      </c>
      <c r="B588" s="3" t="s">
        <v>780</v>
      </c>
      <c r="C588" s="284">
        <v>1</v>
      </c>
    </row>
    <row r="589" spans="1:3" x14ac:dyDescent="0.35">
      <c r="A589" s="3" t="s">
        <v>751</v>
      </c>
      <c r="B589" s="3" t="s">
        <v>781</v>
      </c>
      <c r="C589" s="284">
        <v>1</v>
      </c>
    </row>
    <row r="590" spans="1:3" x14ac:dyDescent="0.35">
      <c r="A590" s="3" t="s">
        <v>25</v>
      </c>
      <c r="B590" s="3" t="s">
        <v>33</v>
      </c>
      <c r="C590" s="284">
        <v>0.94</v>
      </c>
    </row>
    <row r="591" spans="1:3" x14ac:dyDescent="0.35">
      <c r="A591" s="3" t="s">
        <v>84</v>
      </c>
      <c r="B591" s="3" t="s">
        <v>91</v>
      </c>
      <c r="C591" s="284">
        <v>1</v>
      </c>
    </row>
    <row r="592" spans="1:3" x14ac:dyDescent="0.35">
      <c r="A592" s="3" t="s">
        <v>1861</v>
      </c>
      <c r="B592" s="3" t="s">
        <v>1872</v>
      </c>
      <c r="C592" s="284">
        <v>0.96099999999999997</v>
      </c>
    </row>
    <row r="593" spans="1:3" x14ac:dyDescent="0.35">
      <c r="A593" s="3" t="s">
        <v>176</v>
      </c>
      <c r="B593" s="3" t="s">
        <v>208</v>
      </c>
      <c r="C593" s="284">
        <v>1</v>
      </c>
    </row>
    <row r="594" spans="1:3" x14ac:dyDescent="0.35">
      <c r="A594" s="3" t="s">
        <v>1974</v>
      </c>
      <c r="B594" s="3" t="s">
        <v>1986</v>
      </c>
      <c r="C594" s="284">
        <v>1</v>
      </c>
    </row>
    <row r="595" spans="1:3" x14ac:dyDescent="0.35">
      <c r="A595" s="3" t="s">
        <v>1515</v>
      </c>
      <c r="B595" s="3" t="s">
        <v>1573</v>
      </c>
      <c r="C595" s="284">
        <v>1</v>
      </c>
    </row>
    <row r="596" spans="1:3" x14ac:dyDescent="0.35">
      <c r="A596" s="3" t="s">
        <v>2133</v>
      </c>
      <c r="B596" s="3" t="s">
        <v>2191</v>
      </c>
      <c r="C596" s="284">
        <v>1</v>
      </c>
    </row>
    <row r="597" spans="1:3" x14ac:dyDescent="0.35">
      <c r="A597" s="3" t="s">
        <v>2029</v>
      </c>
      <c r="B597" s="3" t="s">
        <v>2061</v>
      </c>
      <c r="C597" s="284">
        <v>1</v>
      </c>
    </row>
    <row r="598" spans="1:3" x14ac:dyDescent="0.35">
      <c r="A598" s="3" t="s">
        <v>1880</v>
      </c>
      <c r="B598" s="3" t="s">
        <v>1906</v>
      </c>
      <c r="C598" s="284">
        <v>1</v>
      </c>
    </row>
    <row r="599" spans="1:3" x14ac:dyDescent="0.35">
      <c r="A599" s="3" t="s">
        <v>512</v>
      </c>
      <c r="B599" s="3" t="s">
        <v>546</v>
      </c>
      <c r="C599" s="284">
        <v>1</v>
      </c>
    </row>
    <row r="600" spans="1:3" x14ac:dyDescent="0.35">
      <c r="A600" s="3" t="s">
        <v>1718</v>
      </c>
      <c r="B600" s="3" t="s">
        <v>1725</v>
      </c>
      <c r="C600" s="284">
        <v>1</v>
      </c>
    </row>
    <row r="601" spans="1:3" x14ac:dyDescent="0.35">
      <c r="A601" s="3" t="s">
        <v>1734</v>
      </c>
      <c r="B601" s="3" t="s">
        <v>1736</v>
      </c>
      <c r="C601" s="284">
        <v>1</v>
      </c>
    </row>
    <row r="602" spans="1:3" x14ac:dyDescent="0.35">
      <c r="A602" s="3" t="s">
        <v>2133</v>
      </c>
      <c r="B602" s="3" t="s">
        <v>2192</v>
      </c>
      <c r="C602" s="284">
        <v>1</v>
      </c>
    </row>
    <row r="603" spans="1:3" x14ac:dyDescent="0.35">
      <c r="A603" s="3" t="s">
        <v>95</v>
      </c>
      <c r="B603" s="3" t="s">
        <v>377</v>
      </c>
      <c r="C603" s="284">
        <v>1</v>
      </c>
    </row>
    <row r="604" spans="1:3" x14ac:dyDescent="0.35">
      <c r="A604" s="3" t="s">
        <v>2133</v>
      </c>
      <c r="B604" s="3" t="s">
        <v>2193</v>
      </c>
      <c r="C604" s="284">
        <v>0.91700000000000004</v>
      </c>
    </row>
    <row r="605" spans="1:3" x14ac:dyDescent="0.35">
      <c r="A605" s="3" t="s">
        <v>84</v>
      </c>
      <c r="B605" s="3" t="s">
        <v>92</v>
      </c>
      <c r="C605" s="284">
        <v>1</v>
      </c>
    </row>
    <row r="606" spans="1:3" x14ac:dyDescent="0.35">
      <c r="A606" s="3" t="s">
        <v>54</v>
      </c>
      <c r="B606" s="3" t="s">
        <v>92</v>
      </c>
      <c r="C606" s="284">
        <v>1</v>
      </c>
    </row>
    <row r="607" spans="1:3" x14ac:dyDescent="0.35">
      <c r="A607" s="3" t="s">
        <v>176</v>
      </c>
      <c r="B607" s="3" t="s">
        <v>209</v>
      </c>
      <c r="C607" s="284">
        <v>1</v>
      </c>
    </row>
    <row r="608" spans="1:3" x14ac:dyDescent="0.35">
      <c r="A608" s="3" t="s">
        <v>1515</v>
      </c>
      <c r="B608" s="3" t="s">
        <v>1574</v>
      </c>
      <c r="C608" s="284">
        <v>1</v>
      </c>
    </row>
    <row r="609" spans="1:3" x14ac:dyDescent="0.35">
      <c r="A609" s="3" t="s">
        <v>1812</v>
      </c>
      <c r="B609" s="3" t="s">
        <v>1820</v>
      </c>
      <c r="C609" s="284">
        <v>0.93500000000000005</v>
      </c>
    </row>
    <row r="610" spans="1:3" x14ac:dyDescent="0.35">
      <c r="A610" s="3" t="s">
        <v>948</v>
      </c>
      <c r="B610" s="3" t="s">
        <v>980</v>
      </c>
      <c r="C610" s="284">
        <v>1</v>
      </c>
    </row>
    <row r="611" spans="1:3" x14ac:dyDescent="0.35">
      <c r="A611" s="3" t="s">
        <v>84</v>
      </c>
      <c r="B611" s="3" t="s">
        <v>93</v>
      </c>
      <c r="C611" s="284">
        <v>1</v>
      </c>
    </row>
    <row r="612" spans="1:3" x14ac:dyDescent="0.35">
      <c r="A612" s="3" t="s">
        <v>176</v>
      </c>
      <c r="B612" s="3" t="s">
        <v>210</v>
      </c>
      <c r="C612" s="284">
        <v>1</v>
      </c>
    </row>
    <row r="613" spans="1:3" x14ac:dyDescent="0.35">
      <c r="A613" s="3" t="s">
        <v>176</v>
      </c>
      <c r="B613" s="3" t="s">
        <v>211</v>
      </c>
      <c r="C613" s="284">
        <v>1</v>
      </c>
    </row>
    <row r="614" spans="1:3" x14ac:dyDescent="0.35">
      <c r="A614" s="3" t="s">
        <v>1880</v>
      </c>
      <c r="B614" s="3" t="s">
        <v>1907</v>
      </c>
      <c r="C614" s="284">
        <v>1</v>
      </c>
    </row>
    <row r="615" spans="1:3" x14ac:dyDescent="0.35">
      <c r="A615" s="3" t="s">
        <v>751</v>
      </c>
      <c r="B615" s="3" t="s">
        <v>782</v>
      </c>
      <c r="C615" s="284">
        <v>1</v>
      </c>
    </row>
    <row r="616" spans="1:3" x14ac:dyDescent="0.35">
      <c r="A616" s="3" t="s">
        <v>293</v>
      </c>
      <c r="B616" s="3" t="s">
        <v>312</v>
      </c>
      <c r="C616" s="284">
        <v>1</v>
      </c>
    </row>
    <row r="617" spans="1:3" x14ac:dyDescent="0.35">
      <c r="A617" s="3" t="s">
        <v>904</v>
      </c>
      <c r="B617" s="3" t="s">
        <v>312</v>
      </c>
      <c r="C617" s="284">
        <v>1</v>
      </c>
    </row>
    <row r="618" spans="1:3" x14ac:dyDescent="0.35">
      <c r="A618" s="3" t="s">
        <v>904</v>
      </c>
      <c r="B618" s="3" t="s">
        <v>919</v>
      </c>
      <c r="C618" s="284">
        <v>1</v>
      </c>
    </row>
    <row r="619" spans="1:3" x14ac:dyDescent="0.35">
      <c r="A619" s="3" t="s">
        <v>1812</v>
      </c>
      <c r="B619" s="3" t="s">
        <v>1822</v>
      </c>
      <c r="C619" s="284">
        <v>1</v>
      </c>
    </row>
    <row r="620" spans="1:3" x14ac:dyDescent="0.35">
      <c r="A620" s="3" t="s">
        <v>904</v>
      </c>
      <c r="B620" s="3" t="s">
        <v>921</v>
      </c>
      <c r="C620" s="284">
        <v>1</v>
      </c>
    </row>
    <row r="621" spans="1:3" x14ac:dyDescent="0.35">
      <c r="A621" s="3" t="s">
        <v>95</v>
      </c>
      <c r="B621" s="3" t="s">
        <v>378</v>
      </c>
      <c r="C621" s="284">
        <v>1</v>
      </c>
    </row>
    <row r="622" spans="1:3" x14ac:dyDescent="0.35">
      <c r="A622" s="3" t="s">
        <v>84</v>
      </c>
      <c r="B622" s="3" t="s">
        <v>94</v>
      </c>
      <c r="C622" s="284">
        <v>1</v>
      </c>
    </row>
    <row r="623" spans="1:3" x14ac:dyDescent="0.35">
      <c r="A623" s="3" t="s">
        <v>1812</v>
      </c>
      <c r="B623" s="3" t="s">
        <v>1823</v>
      </c>
      <c r="C623" s="284">
        <v>1</v>
      </c>
    </row>
    <row r="624" spans="1:3" x14ac:dyDescent="0.35">
      <c r="A624" s="3" t="s">
        <v>904</v>
      </c>
      <c r="B624" s="3" t="s">
        <v>922</v>
      </c>
      <c r="C624" s="284">
        <v>1</v>
      </c>
    </row>
    <row r="625" spans="1:3" x14ac:dyDescent="0.35">
      <c r="A625" s="3" t="s">
        <v>1515</v>
      </c>
      <c r="B625" s="3" t="s">
        <v>2332</v>
      </c>
      <c r="C625" s="284">
        <v>1</v>
      </c>
    </row>
    <row r="626" spans="1:3" x14ac:dyDescent="0.35">
      <c r="A626" s="3" t="s">
        <v>1812</v>
      </c>
      <c r="B626" s="3" t="s">
        <v>1824</v>
      </c>
      <c r="C626" s="284">
        <v>1</v>
      </c>
    </row>
    <row r="627" spans="1:3" x14ac:dyDescent="0.35">
      <c r="A627" s="3" t="s">
        <v>95</v>
      </c>
      <c r="B627" s="3" t="s">
        <v>379</v>
      </c>
      <c r="C627" s="284">
        <v>1</v>
      </c>
    </row>
    <row r="628" spans="1:3" x14ac:dyDescent="0.35">
      <c r="A628" s="3" t="s">
        <v>1812</v>
      </c>
      <c r="B628" s="3" t="s">
        <v>1826</v>
      </c>
      <c r="C628" s="284">
        <v>1</v>
      </c>
    </row>
    <row r="629" spans="1:3" x14ac:dyDescent="0.35">
      <c r="A629" s="3" t="s">
        <v>1880</v>
      </c>
      <c r="B629" s="3" t="s">
        <v>1943</v>
      </c>
      <c r="C629" s="284">
        <v>1</v>
      </c>
    </row>
    <row r="630" spans="1:3" x14ac:dyDescent="0.35">
      <c r="A630" s="3" t="s">
        <v>45</v>
      </c>
      <c r="B630" s="3" t="s">
        <v>50</v>
      </c>
      <c r="C630" s="284">
        <v>1</v>
      </c>
    </row>
    <row r="631" spans="1:3" x14ac:dyDescent="0.35">
      <c r="A631" s="3" t="s">
        <v>904</v>
      </c>
      <c r="B631" s="3" t="s">
        <v>923</v>
      </c>
      <c r="C631" s="284">
        <v>1</v>
      </c>
    </row>
    <row r="632" spans="1:3" x14ac:dyDescent="0.35">
      <c r="A632" s="3" t="s">
        <v>904</v>
      </c>
      <c r="B632" s="3" t="s">
        <v>924</v>
      </c>
      <c r="C632" s="284">
        <v>1</v>
      </c>
    </row>
    <row r="633" spans="1:3" x14ac:dyDescent="0.35">
      <c r="A633" s="3" t="s">
        <v>904</v>
      </c>
      <c r="B633" s="3" t="s">
        <v>925</v>
      </c>
      <c r="C633" s="284">
        <v>1</v>
      </c>
    </row>
    <row r="634" spans="1:3" x14ac:dyDescent="0.35">
      <c r="A634" s="3" t="s">
        <v>904</v>
      </c>
      <c r="B634" s="3" t="s">
        <v>926</v>
      </c>
      <c r="C634" s="284">
        <v>1</v>
      </c>
    </row>
    <row r="635" spans="1:3" x14ac:dyDescent="0.35">
      <c r="A635" s="3" t="s">
        <v>293</v>
      </c>
      <c r="B635" s="3" t="s">
        <v>314</v>
      </c>
      <c r="C635" s="284">
        <v>1</v>
      </c>
    </row>
    <row r="636" spans="1:3" x14ac:dyDescent="0.35">
      <c r="A636" s="3" t="s">
        <v>512</v>
      </c>
      <c r="B636" s="3" t="s">
        <v>314</v>
      </c>
      <c r="C636" s="284">
        <v>1</v>
      </c>
    </row>
    <row r="637" spans="1:3" x14ac:dyDescent="0.35">
      <c r="A637" s="3" t="s">
        <v>1945</v>
      </c>
      <c r="B637" s="3" t="s">
        <v>314</v>
      </c>
      <c r="C637" s="284">
        <v>1</v>
      </c>
    </row>
    <row r="638" spans="1:3" x14ac:dyDescent="0.35">
      <c r="A638" s="3" t="s">
        <v>45</v>
      </c>
      <c r="B638" s="278" t="s">
        <v>51</v>
      </c>
      <c r="C638" s="284">
        <v>0.92800000000000005</v>
      </c>
    </row>
    <row r="639" spans="1:3" x14ac:dyDescent="0.35">
      <c r="A639" s="3" t="s">
        <v>1945</v>
      </c>
      <c r="B639" s="3" t="s">
        <v>1952</v>
      </c>
      <c r="C639" s="284">
        <v>1</v>
      </c>
    </row>
    <row r="640" spans="1:3" x14ac:dyDescent="0.35">
      <c r="A640" s="3" t="s">
        <v>293</v>
      </c>
      <c r="B640" s="3" t="s">
        <v>315</v>
      </c>
      <c r="C640" s="284">
        <v>1</v>
      </c>
    </row>
    <row r="641" spans="1:3" x14ac:dyDescent="0.35">
      <c r="A641" s="3" t="s">
        <v>1880</v>
      </c>
      <c r="B641" s="3" t="s">
        <v>1908</v>
      </c>
      <c r="C641" s="284">
        <v>1</v>
      </c>
    </row>
    <row r="642" spans="1:3" x14ac:dyDescent="0.35">
      <c r="A642" s="3" t="s">
        <v>512</v>
      </c>
      <c r="B642" s="3" t="s">
        <v>548</v>
      </c>
      <c r="C642" s="284">
        <v>1</v>
      </c>
    </row>
    <row r="643" spans="1:3" x14ac:dyDescent="0.35">
      <c r="A643" s="3" t="s">
        <v>293</v>
      </c>
      <c r="B643" s="3" t="s">
        <v>316</v>
      </c>
      <c r="C643" s="284">
        <v>1</v>
      </c>
    </row>
    <row r="644" spans="1:3" x14ac:dyDescent="0.35">
      <c r="A644" s="3" t="s">
        <v>512</v>
      </c>
      <c r="B644" s="3" t="s">
        <v>549</v>
      </c>
      <c r="C644" s="284">
        <v>0.98399999999999999</v>
      </c>
    </row>
    <row r="645" spans="1:3" x14ac:dyDescent="0.35">
      <c r="A645" s="3" t="s">
        <v>1744</v>
      </c>
      <c r="B645" s="3" t="s">
        <v>1760</v>
      </c>
      <c r="C645" s="284">
        <v>1</v>
      </c>
    </row>
    <row r="646" spans="1:3" x14ac:dyDescent="0.35">
      <c r="A646" s="3" t="s">
        <v>293</v>
      </c>
      <c r="B646" s="3" t="s">
        <v>317</v>
      </c>
      <c r="C646" s="284">
        <v>1</v>
      </c>
    </row>
    <row r="647" spans="1:3" x14ac:dyDescent="0.35">
      <c r="A647" s="3" t="s">
        <v>904</v>
      </c>
      <c r="B647" s="3" t="s">
        <v>317</v>
      </c>
      <c r="C647" s="284">
        <v>1</v>
      </c>
    </row>
    <row r="648" spans="1:3" x14ac:dyDescent="0.35">
      <c r="A648" s="3" t="s">
        <v>1515</v>
      </c>
      <c r="B648" s="3" t="s">
        <v>317</v>
      </c>
      <c r="C648" s="284">
        <v>1</v>
      </c>
    </row>
    <row r="649" spans="1:3" x14ac:dyDescent="0.35">
      <c r="A649" s="3" t="s">
        <v>1812</v>
      </c>
      <c r="B649" s="3" t="s">
        <v>317</v>
      </c>
      <c r="C649" s="284">
        <v>1</v>
      </c>
    </row>
    <row r="650" spans="1:3" x14ac:dyDescent="0.35">
      <c r="A650" s="3" t="s">
        <v>948</v>
      </c>
      <c r="B650" s="3" t="s">
        <v>982</v>
      </c>
      <c r="C650" s="284">
        <v>1</v>
      </c>
    </row>
    <row r="651" spans="1:3" x14ac:dyDescent="0.35">
      <c r="A651" s="3" t="s">
        <v>948</v>
      </c>
      <c r="B651" s="3" t="s">
        <v>981</v>
      </c>
      <c r="C651" s="284">
        <v>1</v>
      </c>
    </row>
    <row r="652" spans="1:3" x14ac:dyDescent="0.35">
      <c r="A652" s="3" t="s">
        <v>45</v>
      </c>
      <c r="B652" s="3" t="s">
        <v>52</v>
      </c>
      <c r="C652" s="284">
        <v>1</v>
      </c>
    </row>
    <row r="653" spans="1:3" x14ac:dyDescent="0.35">
      <c r="A653" s="3" t="s">
        <v>1515</v>
      </c>
      <c r="B653" s="3" t="s">
        <v>52</v>
      </c>
      <c r="C653" s="284">
        <v>1</v>
      </c>
    </row>
    <row r="654" spans="1:3" x14ac:dyDescent="0.35">
      <c r="A654" s="3" t="s">
        <v>293</v>
      </c>
      <c r="B654" s="3" t="s">
        <v>318</v>
      </c>
      <c r="C654" s="284">
        <v>1</v>
      </c>
    </row>
    <row r="655" spans="1:3" x14ac:dyDescent="0.35">
      <c r="A655" s="3" t="s">
        <v>1861</v>
      </c>
      <c r="B655" s="278" t="s">
        <v>1862</v>
      </c>
      <c r="C655" s="284">
        <v>0.96699999999999997</v>
      </c>
    </row>
    <row r="656" spans="1:3" x14ac:dyDescent="0.35">
      <c r="A656" s="3" t="s">
        <v>45</v>
      </c>
      <c r="B656" s="3" t="s">
        <v>53</v>
      </c>
      <c r="C656" s="284">
        <v>1</v>
      </c>
    </row>
    <row r="657" spans="1:3" x14ac:dyDescent="0.35">
      <c r="A657" s="3" t="s">
        <v>133</v>
      </c>
      <c r="B657" s="3" t="s">
        <v>133</v>
      </c>
      <c r="C657" s="284">
        <v>1</v>
      </c>
    </row>
    <row r="658" spans="1:3" x14ac:dyDescent="0.35">
      <c r="A658" s="3" t="s">
        <v>1861</v>
      </c>
      <c r="B658" s="3" t="s">
        <v>1874</v>
      </c>
      <c r="C658" s="284">
        <v>0.97</v>
      </c>
    </row>
    <row r="659" spans="1:3" x14ac:dyDescent="0.35">
      <c r="A659" s="3" t="s">
        <v>1880</v>
      </c>
      <c r="B659" s="3" t="s">
        <v>1909</v>
      </c>
      <c r="C659" s="284">
        <v>1.046</v>
      </c>
    </row>
    <row r="660" spans="1:3" x14ac:dyDescent="0.35">
      <c r="A660" s="3" t="s">
        <v>293</v>
      </c>
      <c r="B660" s="3" t="s">
        <v>319</v>
      </c>
      <c r="C660" s="284">
        <v>1</v>
      </c>
    </row>
    <row r="661" spans="1:3" x14ac:dyDescent="0.35">
      <c r="A661" s="3" t="s">
        <v>948</v>
      </c>
      <c r="B661" s="3" t="s">
        <v>983</v>
      </c>
      <c r="C661" s="284">
        <v>1</v>
      </c>
    </row>
    <row r="662" spans="1:3" x14ac:dyDescent="0.35">
      <c r="A662" s="3" t="s">
        <v>1945</v>
      </c>
      <c r="B662" s="3" t="s">
        <v>1953</v>
      </c>
      <c r="C662" s="284">
        <v>1</v>
      </c>
    </row>
    <row r="663" spans="1:3" x14ac:dyDescent="0.35">
      <c r="A663" s="3" t="s">
        <v>293</v>
      </c>
      <c r="B663" s="3" t="s">
        <v>95</v>
      </c>
      <c r="C663" s="284">
        <v>1</v>
      </c>
    </row>
    <row r="664" spans="1:3" x14ac:dyDescent="0.35">
      <c r="A664" s="3" t="s">
        <v>84</v>
      </c>
      <c r="B664" s="3" t="s">
        <v>95</v>
      </c>
      <c r="C664" s="284">
        <v>1</v>
      </c>
    </row>
    <row r="665" spans="1:3" x14ac:dyDescent="0.35">
      <c r="A665" s="3" t="s">
        <v>1945</v>
      </c>
      <c r="B665" s="3" t="s">
        <v>95</v>
      </c>
      <c r="C665" s="284">
        <v>1</v>
      </c>
    </row>
    <row r="666" spans="1:3" x14ac:dyDescent="0.35">
      <c r="A666" s="3" t="s">
        <v>948</v>
      </c>
      <c r="B666" s="3" t="s">
        <v>984</v>
      </c>
      <c r="C666" s="284">
        <v>1</v>
      </c>
    </row>
    <row r="667" spans="1:3" x14ac:dyDescent="0.35">
      <c r="A667" s="3" t="s">
        <v>2323</v>
      </c>
      <c r="B667" s="3" t="s">
        <v>123</v>
      </c>
      <c r="C667" s="284">
        <v>1</v>
      </c>
    </row>
    <row r="668" spans="1:3" x14ac:dyDescent="0.35">
      <c r="A668" s="3" t="s">
        <v>1945</v>
      </c>
      <c r="B668" s="3" t="s">
        <v>1954</v>
      </c>
      <c r="C668" s="284">
        <v>1</v>
      </c>
    </row>
    <row r="669" spans="1:3" x14ac:dyDescent="0.35">
      <c r="A669" s="3" t="s">
        <v>2133</v>
      </c>
      <c r="B669" s="3" t="s">
        <v>2194</v>
      </c>
      <c r="C669" s="284">
        <v>1</v>
      </c>
    </row>
    <row r="670" spans="1:3" x14ac:dyDescent="0.35">
      <c r="A670" s="3" t="s">
        <v>2029</v>
      </c>
      <c r="B670" s="3" t="s">
        <v>2062</v>
      </c>
      <c r="C670" s="284">
        <v>1</v>
      </c>
    </row>
    <row r="671" spans="1:3" x14ac:dyDescent="0.35">
      <c r="A671" s="3" t="s">
        <v>25</v>
      </c>
      <c r="B671" s="3" t="s">
        <v>29</v>
      </c>
      <c r="C671" s="284">
        <v>1</v>
      </c>
    </row>
    <row r="672" spans="1:3" x14ac:dyDescent="0.35">
      <c r="A672" s="3" t="s">
        <v>1515</v>
      </c>
      <c r="B672" s="3" t="s">
        <v>1575</v>
      </c>
      <c r="C672" s="284">
        <v>1</v>
      </c>
    </row>
    <row r="673" spans="1:3" x14ac:dyDescent="0.35">
      <c r="A673" s="3" t="s">
        <v>1880</v>
      </c>
      <c r="B673" s="278" t="s">
        <v>1910</v>
      </c>
      <c r="C673" s="284">
        <v>1.01</v>
      </c>
    </row>
    <row r="674" spans="1:3" x14ac:dyDescent="0.35">
      <c r="A674" s="3" t="s">
        <v>948</v>
      </c>
      <c r="B674" s="3" t="s">
        <v>976</v>
      </c>
      <c r="C674" s="284">
        <v>1</v>
      </c>
    </row>
    <row r="675" spans="1:3" x14ac:dyDescent="0.35">
      <c r="A675" s="3" t="s">
        <v>948</v>
      </c>
      <c r="B675" s="278" t="s">
        <v>986</v>
      </c>
      <c r="C675" s="284">
        <v>0.84599999999999997</v>
      </c>
    </row>
    <row r="676" spans="1:3" x14ac:dyDescent="0.35">
      <c r="A676" s="3" t="s">
        <v>948</v>
      </c>
      <c r="B676" s="3" t="s">
        <v>990</v>
      </c>
      <c r="C676" s="284">
        <v>1</v>
      </c>
    </row>
    <row r="677" spans="1:3" x14ac:dyDescent="0.35">
      <c r="A677" s="3" t="s">
        <v>948</v>
      </c>
      <c r="B677" s="3" t="s">
        <v>1342</v>
      </c>
      <c r="C677" s="284">
        <v>1</v>
      </c>
    </row>
    <row r="678" spans="1:3" ht="24" x14ac:dyDescent="0.35">
      <c r="A678" s="3" t="s">
        <v>948</v>
      </c>
      <c r="B678" s="3" t="s">
        <v>1494</v>
      </c>
      <c r="C678" s="284">
        <v>1</v>
      </c>
    </row>
    <row r="679" spans="1:3" x14ac:dyDescent="0.35">
      <c r="A679" s="3" t="s">
        <v>84</v>
      </c>
      <c r="B679" s="3" t="s">
        <v>54</v>
      </c>
      <c r="C679" s="284">
        <v>1</v>
      </c>
    </row>
    <row r="680" spans="1:3" x14ac:dyDescent="0.35">
      <c r="A680" s="3" t="s">
        <v>45</v>
      </c>
      <c r="B680" s="3" t="s">
        <v>54</v>
      </c>
      <c r="C680" s="284">
        <v>1</v>
      </c>
    </row>
    <row r="681" spans="1:3" x14ac:dyDescent="0.35">
      <c r="A681" s="3" t="s">
        <v>751</v>
      </c>
      <c r="B681" s="3" t="s">
        <v>54</v>
      </c>
      <c r="C681" s="284">
        <v>1</v>
      </c>
    </row>
    <row r="682" spans="1:3" x14ac:dyDescent="0.35">
      <c r="A682" s="3" t="s">
        <v>904</v>
      </c>
      <c r="B682" s="3" t="s">
        <v>54</v>
      </c>
      <c r="C682" s="284">
        <v>1</v>
      </c>
    </row>
    <row r="683" spans="1:3" x14ac:dyDescent="0.35">
      <c r="A683" s="3" t="s">
        <v>1945</v>
      </c>
      <c r="B683" s="3" t="s">
        <v>54</v>
      </c>
      <c r="C683" s="284">
        <v>1</v>
      </c>
    </row>
    <row r="684" spans="1:3" x14ac:dyDescent="0.35">
      <c r="A684" s="3" t="s">
        <v>293</v>
      </c>
      <c r="B684" s="3" t="s">
        <v>320</v>
      </c>
      <c r="C684" s="284">
        <v>1</v>
      </c>
    </row>
    <row r="685" spans="1:3" x14ac:dyDescent="0.35">
      <c r="A685" s="3" t="s">
        <v>2133</v>
      </c>
      <c r="B685" s="3" t="s">
        <v>2195</v>
      </c>
      <c r="C685" s="284">
        <v>1</v>
      </c>
    </row>
    <row r="686" spans="1:3" x14ac:dyDescent="0.35">
      <c r="A686" s="3" t="s">
        <v>904</v>
      </c>
      <c r="B686" s="3" t="s">
        <v>928</v>
      </c>
      <c r="C686" s="284">
        <v>1</v>
      </c>
    </row>
    <row r="687" spans="1:3" x14ac:dyDescent="0.35">
      <c r="A687" s="3" t="s">
        <v>2029</v>
      </c>
      <c r="B687" s="3" t="s">
        <v>2063</v>
      </c>
      <c r="C687" s="284">
        <v>1</v>
      </c>
    </row>
    <row r="688" spans="1:3" x14ac:dyDescent="0.35">
      <c r="A688" s="3" t="s">
        <v>2029</v>
      </c>
      <c r="B688" s="3" t="s">
        <v>2064</v>
      </c>
      <c r="C688" s="284">
        <v>1</v>
      </c>
    </row>
    <row r="689" spans="1:3" x14ac:dyDescent="0.35">
      <c r="A689" s="3" t="s">
        <v>2029</v>
      </c>
      <c r="B689" s="3" t="s">
        <v>2065</v>
      </c>
      <c r="C689" s="284">
        <v>1</v>
      </c>
    </row>
    <row r="690" spans="1:3" x14ac:dyDescent="0.35">
      <c r="A690" s="3" t="s">
        <v>1515</v>
      </c>
      <c r="B690" s="3" t="s">
        <v>1568</v>
      </c>
      <c r="C690" s="284">
        <v>1</v>
      </c>
    </row>
    <row r="691" spans="1:3" x14ac:dyDescent="0.35">
      <c r="A691" s="3" t="s">
        <v>25</v>
      </c>
      <c r="B691" s="3" t="s">
        <v>30</v>
      </c>
      <c r="C691" s="284">
        <v>1</v>
      </c>
    </row>
    <row r="692" spans="1:3" x14ac:dyDescent="0.35">
      <c r="A692" s="3" t="s">
        <v>512</v>
      </c>
      <c r="B692" s="3" t="s">
        <v>550</v>
      </c>
      <c r="C692" s="284">
        <v>1</v>
      </c>
    </row>
    <row r="693" spans="1:3" x14ac:dyDescent="0.35">
      <c r="A693" s="3" t="s">
        <v>1880</v>
      </c>
      <c r="B693" s="3" t="s">
        <v>1911</v>
      </c>
      <c r="C693" s="284">
        <v>1</v>
      </c>
    </row>
    <row r="694" spans="1:3" x14ac:dyDescent="0.35">
      <c r="A694" s="3" t="s">
        <v>885</v>
      </c>
      <c r="B694" s="3" t="s">
        <v>890</v>
      </c>
      <c r="C694" s="284">
        <v>1</v>
      </c>
    </row>
    <row r="695" spans="1:3" x14ac:dyDescent="0.35">
      <c r="A695" s="3" t="s">
        <v>904</v>
      </c>
      <c r="B695" s="3" t="s">
        <v>929</v>
      </c>
      <c r="C695" s="284">
        <v>1</v>
      </c>
    </row>
    <row r="696" spans="1:3" x14ac:dyDescent="0.35">
      <c r="A696" s="3" t="s">
        <v>1974</v>
      </c>
      <c r="B696" s="3" t="s">
        <v>1987</v>
      </c>
      <c r="C696" s="284">
        <v>0.879</v>
      </c>
    </row>
    <row r="697" spans="1:3" x14ac:dyDescent="0.35">
      <c r="A697" s="3" t="s">
        <v>95</v>
      </c>
      <c r="B697" s="3" t="s">
        <v>380</v>
      </c>
      <c r="C697" s="284">
        <v>1</v>
      </c>
    </row>
    <row r="698" spans="1:3" x14ac:dyDescent="0.35">
      <c r="A698" s="3" t="s">
        <v>751</v>
      </c>
      <c r="B698" s="3" t="s">
        <v>784</v>
      </c>
      <c r="C698" s="284">
        <v>1</v>
      </c>
    </row>
    <row r="699" spans="1:3" x14ac:dyDescent="0.35">
      <c r="A699" s="3" t="s">
        <v>133</v>
      </c>
      <c r="B699" s="3" t="s">
        <v>147</v>
      </c>
      <c r="C699" s="284">
        <v>1</v>
      </c>
    </row>
    <row r="700" spans="1:3" x14ac:dyDescent="0.35">
      <c r="A700" s="3" t="s">
        <v>751</v>
      </c>
      <c r="B700" s="3" t="s">
        <v>785</v>
      </c>
      <c r="C700" s="284">
        <v>1</v>
      </c>
    </row>
    <row r="701" spans="1:3" x14ac:dyDescent="0.35">
      <c r="A701" s="3" t="s">
        <v>1812</v>
      </c>
      <c r="B701" s="3" t="s">
        <v>1827</v>
      </c>
      <c r="C701" s="284">
        <v>1</v>
      </c>
    </row>
    <row r="702" spans="1:3" x14ac:dyDescent="0.35">
      <c r="A702" s="3" t="s">
        <v>1515</v>
      </c>
      <c r="B702" s="3" t="s">
        <v>1576</v>
      </c>
      <c r="C702" s="284">
        <v>1</v>
      </c>
    </row>
    <row r="703" spans="1:3" x14ac:dyDescent="0.35">
      <c r="A703" s="3" t="s">
        <v>1880</v>
      </c>
      <c r="B703" s="3" t="s">
        <v>1912</v>
      </c>
      <c r="C703" s="284">
        <v>1</v>
      </c>
    </row>
    <row r="704" spans="1:3" x14ac:dyDescent="0.35">
      <c r="A704" s="3" t="s">
        <v>54</v>
      </c>
      <c r="B704" s="3" t="s">
        <v>452</v>
      </c>
      <c r="C704" s="284">
        <v>1</v>
      </c>
    </row>
    <row r="705" spans="1:3" x14ac:dyDescent="0.35">
      <c r="A705" s="3" t="s">
        <v>1880</v>
      </c>
      <c r="B705" s="3" t="s">
        <v>1913</v>
      </c>
      <c r="C705" s="284">
        <v>1</v>
      </c>
    </row>
    <row r="706" spans="1:3" x14ac:dyDescent="0.35">
      <c r="A706" s="3" t="s">
        <v>1515</v>
      </c>
      <c r="B706" s="3" t="s">
        <v>1577</v>
      </c>
      <c r="C706" s="284">
        <v>1</v>
      </c>
    </row>
    <row r="707" spans="1:3" x14ac:dyDescent="0.35">
      <c r="A707" s="3" t="s">
        <v>2133</v>
      </c>
      <c r="B707" s="3" t="s">
        <v>2196</v>
      </c>
      <c r="C707" s="284">
        <v>1</v>
      </c>
    </row>
    <row r="708" spans="1:3" x14ac:dyDescent="0.35">
      <c r="A708" s="3" t="s">
        <v>1515</v>
      </c>
      <c r="B708" s="3" t="s">
        <v>1578</v>
      </c>
      <c r="C708" s="284">
        <v>1</v>
      </c>
    </row>
    <row r="709" spans="1:3" x14ac:dyDescent="0.35">
      <c r="A709" s="3" t="s">
        <v>948</v>
      </c>
      <c r="B709" s="3" t="s">
        <v>987</v>
      </c>
      <c r="C709" s="284">
        <v>1</v>
      </c>
    </row>
    <row r="710" spans="1:3" x14ac:dyDescent="0.35">
      <c r="A710" s="3" t="s">
        <v>54</v>
      </c>
      <c r="B710" s="3" t="s">
        <v>453</v>
      </c>
      <c r="C710" s="284">
        <v>1</v>
      </c>
    </row>
    <row r="711" spans="1:3" x14ac:dyDescent="0.35">
      <c r="A711" s="3" t="s">
        <v>948</v>
      </c>
      <c r="B711" s="3" t="s">
        <v>988</v>
      </c>
      <c r="C711" s="284">
        <v>1</v>
      </c>
    </row>
    <row r="712" spans="1:3" x14ac:dyDescent="0.35">
      <c r="A712" s="3" t="s">
        <v>2133</v>
      </c>
      <c r="B712" s="3" t="s">
        <v>2197</v>
      </c>
      <c r="C712" s="284">
        <v>1</v>
      </c>
    </row>
    <row r="713" spans="1:3" x14ac:dyDescent="0.35">
      <c r="A713" s="3" t="s">
        <v>54</v>
      </c>
      <c r="B713" s="3" t="s">
        <v>454</v>
      </c>
      <c r="C713" s="284">
        <v>1</v>
      </c>
    </row>
    <row r="714" spans="1:3" x14ac:dyDescent="0.35">
      <c r="A714" s="3" t="s">
        <v>176</v>
      </c>
      <c r="B714" s="3" t="s">
        <v>213</v>
      </c>
      <c r="C714" s="284">
        <v>1</v>
      </c>
    </row>
    <row r="715" spans="1:3" x14ac:dyDescent="0.35">
      <c r="A715" s="3" t="s">
        <v>54</v>
      </c>
      <c r="B715" s="3" t="s">
        <v>455</v>
      </c>
      <c r="C715" s="284">
        <v>1</v>
      </c>
    </row>
    <row r="716" spans="1:3" x14ac:dyDescent="0.35">
      <c r="A716" s="3" t="s">
        <v>1515</v>
      </c>
      <c r="B716" s="3" t="s">
        <v>455</v>
      </c>
      <c r="C716" s="284">
        <v>1</v>
      </c>
    </row>
    <row r="717" spans="1:3" x14ac:dyDescent="0.35">
      <c r="A717" s="3" t="s">
        <v>1744</v>
      </c>
      <c r="B717" s="3" t="s">
        <v>1761</v>
      </c>
      <c r="C717" s="284">
        <v>1</v>
      </c>
    </row>
    <row r="718" spans="1:3" x14ac:dyDescent="0.35">
      <c r="A718" s="3" t="s">
        <v>1515</v>
      </c>
      <c r="B718" s="3" t="s">
        <v>1579</v>
      </c>
      <c r="C718" s="284">
        <v>1</v>
      </c>
    </row>
    <row r="719" spans="1:3" x14ac:dyDescent="0.35">
      <c r="A719" s="3" t="s">
        <v>1515</v>
      </c>
      <c r="B719" s="3" t="s">
        <v>1653</v>
      </c>
      <c r="C719" s="284">
        <v>1</v>
      </c>
    </row>
    <row r="720" spans="1:3" x14ac:dyDescent="0.35">
      <c r="A720" s="3" t="s">
        <v>631</v>
      </c>
      <c r="B720" s="3" t="s">
        <v>666</v>
      </c>
      <c r="C720" s="284">
        <v>1</v>
      </c>
    </row>
    <row r="721" spans="1:3" x14ac:dyDescent="0.35">
      <c r="A721" s="3" t="s">
        <v>293</v>
      </c>
      <c r="B721" s="3" t="s">
        <v>321</v>
      </c>
      <c r="C721" s="284">
        <v>1</v>
      </c>
    </row>
    <row r="722" spans="1:3" x14ac:dyDescent="0.35">
      <c r="A722" s="3" t="s">
        <v>1515</v>
      </c>
      <c r="B722" s="3" t="s">
        <v>1580</v>
      </c>
      <c r="C722" s="284">
        <v>1</v>
      </c>
    </row>
    <row r="723" spans="1:3" x14ac:dyDescent="0.35">
      <c r="A723" s="3" t="s">
        <v>512</v>
      </c>
      <c r="B723" s="3" t="s">
        <v>551</v>
      </c>
      <c r="C723" s="284">
        <v>1</v>
      </c>
    </row>
    <row r="724" spans="1:3" x14ac:dyDescent="0.35">
      <c r="A724" s="3" t="s">
        <v>512</v>
      </c>
      <c r="B724" s="3" t="s">
        <v>552</v>
      </c>
      <c r="C724" s="284">
        <v>1</v>
      </c>
    </row>
    <row r="725" spans="1:3" x14ac:dyDescent="0.35">
      <c r="A725" s="3" t="s">
        <v>54</v>
      </c>
      <c r="B725" s="3" t="s">
        <v>456</v>
      </c>
      <c r="C725" s="284">
        <v>1</v>
      </c>
    </row>
    <row r="726" spans="1:3" x14ac:dyDescent="0.35">
      <c r="A726" s="3" t="s">
        <v>1880</v>
      </c>
      <c r="B726" s="3" t="s">
        <v>1914</v>
      </c>
      <c r="C726" s="284">
        <v>1</v>
      </c>
    </row>
    <row r="727" spans="1:3" x14ac:dyDescent="0.35">
      <c r="A727" s="3" t="s">
        <v>751</v>
      </c>
      <c r="B727" s="3" t="s">
        <v>786</v>
      </c>
      <c r="C727" s="284">
        <v>1</v>
      </c>
    </row>
    <row r="728" spans="1:3" x14ac:dyDescent="0.35">
      <c r="A728" s="3" t="s">
        <v>1515</v>
      </c>
      <c r="B728" s="3" t="s">
        <v>1581</v>
      </c>
      <c r="C728" s="284">
        <v>1</v>
      </c>
    </row>
    <row r="729" spans="1:3" x14ac:dyDescent="0.35">
      <c r="A729" s="3" t="s">
        <v>2133</v>
      </c>
      <c r="B729" s="3" t="s">
        <v>2198</v>
      </c>
      <c r="C729" s="284">
        <v>1</v>
      </c>
    </row>
    <row r="730" spans="1:3" x14ac:dyDescent="0.35">
      <c r="A730" s="3" t="s">
        <v>1974</v>
      </c>
      <c r="B730" s="3" t="s">
        <v>1988</v>
      </c>
      <c r="C730" s="284">
        <v>1</v>
      </c>
    </row>
    <row r="731" spans="1:3" x14ac:dyDescent="0.35">
      <c r="A731" s="3" t="s">
        <v>631</v>
      </c>
      <c r="B731" s="3" t="s">
        <v>667</v>
      </c>
      <c r="C731" s="284">
        <v>1</v>
      </c>
    </row>
    <row r="732" spans="1:3" x14ac:dyDescent="0.35">
      <c r="A732" s="3" t="s">
        <v>1515</v>
      </c>
      <c r="B732" s="3" t="s">
        <v>1582</v>
      </c>
      <c r="C732" s="284">
        <v>1</v>
      </c>
    </row>
    <row r="733" spans="1:3" x14ac:dyDescent="0.35">
      <c r="A733" s="3" t="s">
        <v>1515</v>
      </c>
      <c r="B733" s="3" t="s">
        <v>1583</v>
      </c>
      <c r="C733" s="284">
        <v>1</v>
      </c>
    </row>
    <row r="734" spans="1:3" x14ac:dyDescent="0.35">
      <c r="A734" s="3" t="s">
        <v>2029</v>
      </c>
      <c r="B734" s="3" t="s">
        <v>2066</v>
      </c>
      <c r="C734" s="284">
        <v>1</v>
      </c>
    </row>
    <row r="735" spans="1:3" x14ac:dyDescent="0.35">
      <c r="A735" s="3" t="s">
        <v>54</v>
      </c>
      <c r="B735" s="3" t="s">
        <v>457</v>
      </c>
      <c r="C735" s="284">
        <v>1</v>
      </c>
    </row>
    <row r="736" spans="1:3" x14ac:dyDescent="0.35">
      <c r="A736" s="3" t="s">
        <v>2133</v>
      </c>
      <c r="B736" s="3" t="s">
        <v>2199</v>
      </c>
      <c r="C736" s="284">
        <v>1</v>
      </c>
    </row>
    <row r="737" spans="1:3" x14ac:dyDescent="0.35">
      <c r="A737" s="3" t="s">
        <v>1796</v>
      </c>
      <c r="B737" s="3" t="s">
        <v>1802</v>
      </c>
      <c r="C737" s="284">
        <v>1</v>
      </c>
    </row>
    <row r="738" spans="1:3" x14ac:dyDescent="0.35">
      <c r="A738" s="3" t="s">
        <v>1718</v>
      </c>
      <c r="B738" s="3" t="s">
        <v>1726</v>
      </c>
      <c r="C738" s="284">
        <v>1</v>
      </c>
    </row>
    <row r="739" spans="1:3" x14ac:dyDescent="0.35">
      <c r="A739" s="3" t="s">
        <v>751</v>
      </c>
      <c r="B739" s="3" t="s">
        <v>787</v>
      </c>
      <c r="C739" s="284">
        <v>1</v>
      </c>
    </row>
    <row r="740" spans="1:3" x14ac:dyDescent="0.35">
      <c r="A740" s="3" t="s">
        <v>176</v>
      </c>
      <c r="B740" s="3" t="s">
        <v>215</v>
      </c>
      <c r="C740" s="284">
        <v>1</v>
      </c>
    </row>
    <row r="741" spans="1:3" x14ac:dyDescent="0.35">
      <c r="A741" s="3" t="s">
        <v>101</v>
      </c>
      <c r="B741" s="3" t="s">
        <v>861</v>
      </c>
      <c r="C741" s="284">
        <v>1</v>
      </c>
    </row>
    <row r="742" spans="1:3" x14ac:dyDescent="0.35">
      <c r="A742" s="3" t="s">
        <v>1515</v>
      </c>
      <c r="B742" s="3" t="s">
        <v>1584</v>
      </c>
      <c r="C742" s="284">
        <v>1</v>
      </c>
    </row>
    <row r="743" spans="1:3" x14ac:dyDescent="0.35">
      <c r="A743" s="3" t="s">
        <v>1515</v>
      </c>
      <c r="B743" s="3" t="s">
        <v>1585</v>
      </c>
      <c r="C743" s="284">
        <v>1</v>
      </c>
    </row>
    <row r="744" spans="1:3" x14ac:dyDescent="0.35">
      <c r="A744" s="3" t="s">
        <v>95</v>
      </c>
      <c r="B744" s="3" t="s">
        <v>381</v>
      </c>
      <c r="C744" s="284">
        <v>1</v>
      </c>
    </row>
    <row r="745" spans="1:3" x14ac:dyDescent="0.35">
      <c r="A745" s="3" t="s">
        <v>631</v>
      </c>
      <c r="B745" s="3" t="s">
        <v>668</v>
      </c>
      <c r="C745" s="284">
        <v>1</v>
      </c>
    </row>
    <row r="746" spans="1:3" x14ac:dyDescent="0.35">
      <c r="A746" s="3" t="s">
        <v>176</v>
      </c>
      <c r="B746" s="3" t="s">
        <v>214</v>
      </c>
      <c r="C746" s="284">
        <v>1</v>
      </c>
    </row>
    <row r="747" spans="1:3" x14ac:dyDescent="0.35">
      <c r="A747" s="3" t="s">
        <v>176</v>
      </c>
      <c r="B747" s="3" t="s">
        <v>216</v>
      </c>
      <c r="C747" s="284">
        <v>1</v>
      </c>
    </row>
    <row r="748" spans="1:3" x14ac:dyDescent="0.35">
      <c r="A748" s="3" t="s">
        <v>2029</v>
      </c>
      <c r="B748" s="3" t="s">
        <v>2067</v>
      </c>
      <c r="C748" s="284">
        <v>1</v>
      </c>
    </row>
    <row r="749" spans="1:3" x14ac:dyDescent="0.35">
      <c r="A749" s="3" t="s">
        <v>2133</v>
      </c>
      <c r="B749" s="3" t="s">
        <v>2200</v>
      </c>
      <c r="C749" s="284">
        <v>1</v>
      </c>
    </row>
    <row r="750" spans="1:3" x14ac:dyDescent="0.35">
      <c r="A750" s="3" t="s">
        <v>293</v>
      </c>
      <c r="B750" s="3" t="s">
        <v>322</v>
      </c>
      <c r="C750" s="284">
        <v>1</v>
      </c>
    </row>
    <row r="751" spans="1:3" x14ac:dyDescent="0.35">
      <c r="A751" s="3" t="s">
        <v>95</v>
      </c>
      <c r="B751" s="278" t="s">
        <v>382</v>
      </c>
      <c r="C751" s="284">
        <v>0.93500000000000005</v>
      </c>
    </row>
    <row r="752" spans="1:3" x14ac:dyDescent="0.35">
      <c r="A752" s="3" t="s">
        <v>95</v>
      </c>
      <c r="B752" s="3" t="s">
        <v>383</v>
      </c>
      <c r="C752" s="284">
        <v>1</v>
      </c>
    </row>
    <row r="753" spans="1:3" x14ac:dyDescent="0.35">
      <c r="A753" s="3" t="s">
        <v>2133</v>
      </c>
      <c r="B753" s="3" t="s">
        <v>2201</v>
      </c>
      <c r="C753" s="284">
        <v>1</v>
      </c>
    </row>
    <row r="754" spans="1:3" x14ac:dyDescent="0.35">
      <c r="A754" s="3" t="s">
        <v>95</v>
      </c>
      <c r="B754" s="3" t="s">
        <v>428</v>
      </c>
      <c r="C754" s="284">
        <v>1</v>
      </c>
    </row>
    <row r="755" spans="1:3" x14ac:dyDescent="0.35">
      <c r="A755" s="3" t="s">
        <v>1880</v>
      </c>
      <c r="B755" s="3" t="s">
        <v>1915</v>
      </c>
      <c r="C755" s="284">
        <v>1</v>
      </c>
    </row>
    <row r="756" spans="1:3" x14ac:dyDescent="0.35">
      <c r="A756" s="3" t="s">
        <v>751</v>
      </c>
      <c r="B756" s="3" t="s">
        <v>788</v>
      </c>
      <c r="C756" s="284">
        <v>1</v>
      </c>
    </row>
    <row r="757" spans="1:3" x14ac:dyDescent="0.35">
      <c r="A757" s="3" t="s">
        <v>45</v>
      </c>
      <c r="B757" s="3" t="s">
        <v>55</v>
      </c>
      <c r="C757" s="284">
        <v>1</v>
      </c>
    </row>
    <row r="758" spans="1:3" x14ac:dyDescent="0.35">
      <c r="A758" s="3" t="s">
        <v>133</v>
      </c>
      <c r="B758" s="278" t="s">
        <v>148</v>
      </c>
      <c r="C758" s="284">
        <v>0.88500000000000001</v>
      </c>
    </row>
    <row r="759" spans="1:3" x14ac:dyDescent="0.35">
      <c r="A759" s="3" t="s">
        <v>751</v>
      </c>
      <c r="B759" s="3" t="s">
        <v>789</v>
      </c>
      <c r="C759" s="284">
        <v>1</v>
      </c>
    </row>
    <row r="760" spans="1:3" x14ac:dyDescent="0.35">
      <c r="A760" s="3" t="s">
        <v>631</v>
      </c>
      <c r="B760" s="3" t="s">
        <v>669</v>
      </c>
      <c r="C760" s="284">
        <v>1</v>
      </c>
    </row>
    <row r="761" spans="1:3" x14ac:dyDescent="0.35">
      <c r="A761" s="3" t="s">
        <v>2133</v>
      </c>
      <c r="B761" s="3" t="s">
        <v>2202</v>
      </c>
      <c r="C761" s="284">
        <v>1</v>
      </c>
    </row>
    <row r="762" spans="1:3" x14ac:dyDescent="0.35">
      <c r="A762" s="3" t="s">
        <v>1734</v>
      </c>
      <c r="B762" s="3" t="s">
        <v>1737</v>
      </c>
      <c r="C762" s="284">
        <v>1</v>
      </c>
    </row>
    <row r="763" spans="1:3" x14ac:dyDescent="0.35">
      <c r="A763" s="3" t="s">
        <v>904</v>
      </c>
      <c r="B763" s="3" t="s">
        <v>930</v>
      </c>
      <c r="C763" s="284">
        <v>1</v>
      </c>
    </row>
    <row r="764" spans="1:3" x14ac:dyDescent="0.35">
      <c r="A764" s="3" t="s">
        <v>1515</v>
      </c>
      <c r="B764" s="3" t="s">
        <v>1587</v>
      </c>
      <c r="C764" s="284">
        <v>1</v>
      </c>
    </row>
    <row r="765" spans="1:3" x14ac:dyDescent="0.35">
      <c r="A765" s="3" t="s">
        <v>1515</v>
      </c>
      <c r="B765" s="3" t="s">
        <v>1588</v>
      </c>
      <c r="C765" s="284">
        <v>1</v>
      </c>
    </row>
    <row r="766" spans="1:3" x14ac:dyDescent="0.35">
      <c r="A766" s="3" t="s">
        <v>95</v>
      </c>
      <c r="B766" s="3" t="s">
        <v>384</v>
      </c>
      <c r="C766" s="284">
        <v>1</v>
      </c>
    </row>
    <row r="767" spans="1:3" x14ac:dyDescent="0.35">
      <c r="A767" s="3" t="s">
        <v>2133</v>
      </c>
      <c r="B767" s="3" t="s">
        <v>2203</v>
      </c>
      <c r="C767" s="284">
        <v>1</v>
      </c>
    </row>
    <row r="768" spans="1:3" x14ac:dyDescent="0.35">
      <c r="A768" s="3" t="s">
        <v>2133</v>
      </c>
      <c r="B768" s="3" t="s">
        <v>2204</v>
      </c>
      <c r="C768" s="284">
        <v>1</v>
      </c>
    </row>
    <row r="769" spans="1:3" x14ac:dyDescent="0.35">
      <c r="A769" s="3" t="s">
        <v>176</v>
      </c>
      <c r="B769" s="3" t="s">
        <v>218</v>
      </c>
      <c r="C769" s="284">
        <v>1</v>
      </c>
    </row>
    <row r="770" spans="1:3" x14ac:dyDescent="0.35">
      <c r="A770" s="3" t="s">
        <v>2133</v>
      </c>
      <c r="B770" s="3" t="s">
        <v>2208</v>
      </c>
      <c r="C770" s="284">
        <v>1</v>
      </c>
    </row>
    <row r="771" spans="1:3" x14ac:dyDescent="0.35">
      <c r="A771" s="3" t="s">
        <v>2133</v>
      </c>
      <c r="B771" s="3" t="s">
        <v>2205</v>
      </c>
      <c r="C771" s="284">
        <v>1</v>
      </c>
    </row>
    <row r="772" spans="1:3" x14ac:dyDescent="0.35">
      <c r="A772" s="3" t="s">
        <v>2133</v>
      </c>
      <c r="B772" s="3" t="s">
        <v>2207</v>
      </c>
      <c r="C772" s="284">
        <v>1</v>
      </c>
    </row>
    <row r="773" spans="1:3" x14ac:dyDescent="0.35">
      <c r="A773" s="3" t="s">
        <v>2133</v>
      </c>
      <c r="B773" s="3" t="s">
        <v>2206</v>
      </c>
      <c r="C773" s="284">
        <v>1</v>
      </c>
    </row>
    <row r="774" spans="1:3" x14ac:dyDescent="0.35">
      <c r="A774" s="3" t="s">
        <v>2029</v>
      </c>
      <c r="B774" s="3" t="s">
        <v>2068</v>
      </c>
      <c r="C774" s="284">
        <v>1</v>
      </c>
    </row>
    <row r="775" spans="1:3" x14ac:dyDescent="0.35">
      <c r="A775" s="3" t="s">
        <v>2133</v>
      </c>
      <c r="B775" s="3" t="s">
        <v>2209</v>
      </c>
      <c r="C775" s="284">
        <v>1</v>
      </c>
    </row>
    <row r="776" spans="1:3" x14ac:dyDescent="0.35">
      <c r="A776" s="3" t="s">
        <v>54</v>
      </c>
      <c r="B776" s="3" t="s">
        <v>458</v>
      </c>
      <c r="C776" s="284">
        <v>1</v>
      </c>
    </row>
    <row r="777" spans="1:3" x14ac:dyDescent="0.35">
      <c r="A777" s="3" t="s">
        <v>948</v>
      </c>
      <c r="B777" s="3" t="s">
        <v>1012</v>
      </c>
      <c r="C777" s="284">
        <v>1</v>
      </c>
    </row>
    <row r="778" spans="1:3" x14ac:dyDescent="0.35">
      <c r="A778" s="3" t="s">
        <v>1515</v>
      </c>
      <c r="B778" s="3" t="s">
        <v>1589</v>
      </c>
      <c r="C778" s="284">
        <v>1</v>
      </c>
    </row>
    <row r="779" spans="1:3" x14ac:dyDescent="0.35">
      <c r="A779" s="3" t="s">
        <v>176</v>
      </c>
      <c r="B779" s="3" t="s">
        <v>219</v>
      </c>
      <c r="C779" s="284">
        <v>1</v>
      </c>
    </row>
    <row r="780" spans="1:3" x14ac:dyDescent="0.35">
      <c r="A780" s="3" t="s">
        <v>1974</v>
      </c>
      <c r="B780" s="3" t="s">
        <v>1989</v>
      </c>
      <c r="C780" s="284">
        <v>1</v>
      </c>
    </row>
    <row r="781" spans="1:3" x14ac:dyDescent="0.35">
      <c r="A781" s="3" t="s">
        <v>2133</v>
      </c>
      <c r="B781" s="3" t="s">
        <v>2210</v>
      </c>
      <c r="C781" s="284">
        <v>1</v>
      </c>
    </row>
    <row r="782" spans="1:3" x14ac:dyDescent="0.35">
      <c r="A782" s="3" t="s">
        <v>176</v>
      </c>
      <c r="B782" s="279" t="s">
        <v>220</v>
      </c>
      <c r="C782" s="284">
        <v>1</v>
      </c>
    </row>
    <row r="783" spans="1:3" x14ac:dyDescent="0.35">
      <c r="A783" s="3" t="s">
        <v>95</v>
      </c>
      <c r="B783" s="278" t="s">
        <v>220</v>
      </c>
      <c r="C783" s="284">
        <v>0.97299999999999998</v>
      </c>
    </row>
    <row r="784" spans="1:3" x14ac:dyDescent="0.35">
      <c r="A784" s="3" t="s">
        <v>631</v>
      </c>
      <c r="B784" s="3" t="s">
        <v>670</v>
      </c>
      <c r="C784" s="284">
        <v>1</v>
      </c>
    </row>
    <row r="785" spans="1:3" x14ac:dyDescent="0.35">
      <c r="A785" s="3" t="s">
        <v>631</v>
      </c>
      <c r="B785" s="3" t="s">
        <v>671</v>
      </c>
      <c r="C785" s="284">
        <v>1</v>
      </c>
    </row>
    <row r="786" spans="1:3" x14ac:dyDescent="0.35">
      <c r="A786" s="3" t="s">
        <v>631</v>
      </c>
      <c r="B786" s="3" t="s">
        <v>672</v>
      </c>
      <c r="C786" s="284">
        <v>1</v>
      </c>
    </row>
    <row r="787" spans="1:3" x14ac:dyDescent="0.35">
      <c r="A787" s="3" t="s">
        <v>176</v>
      </c>
      <c r="B787" s="3" t="s">
        <v>221</v>
      </c>
      <c r="C787" s="284">
        <v>1</v>
      </c>
    </row>
    <row r="788" spans="1:3" x14ac:dyDescent="0.35">
      <c r="A788" s="3" t="s">
        <v>1974</v>
      </c>
      <c r="B788" s="3" t="s">
        <v>1990</v>
      </c>
      <c r="C788" s="284">
        <v>1</v>
      </c>
    </row>
    <row r="789" spans="1:3" x14ac:dyDescent="0.35">
      <c r="A789" s="3" t="s">
        <v>1515</v>
      </c>
      <c r="B789" s="3" t="s">
        <v>1590</v>
      </c>
      <c r="C789" s="284">
        <v>1</v>
      </c>
    </row>
    <row r="790" spans="1:3" x14ac:dyDescent="0.35">
      <c r="A790" s="3" t="s">
        <v>631</v>
      </c>
      <c r="B790" s="3" t="s">
        <v>673</v>
      </c>
      <c r="C790" s="284">
        <v>1</v>
      </c>
    </row>
    <row r="791" spans="1:3" x14ac:dyDescent="0.35">
      <c r="A791" s="3" t="s">
        <v>36</v>
      </c>
      <c r="B791" s="3" t="s">
        <v>41</v>
      </c>
      <c r="C791" s="284">
        <v>1</v>
      </c>
    </row>
    <row r="792" spans="1:3" x14ac:dyDescent="0.35">
      <c r="A792" s="3" t="s">
        <v>512</v>
      </c>
      <c r="B792" s="3" t="s">
        <v>554</v>
      </c>
      <c r="C792" s="284">
        <v>1</v>
      </c>
    </row>
    <row r="793" spans="1:3" x14ac:dyDescent="0.35">
      <c r="A793" s="3" t="s">
        <v>512</v>
      </c>
      <c r="B793" s="3" t="s">
        <v>555</v>
      </c>
      <c r="C793" s="284">
        <v>1</v>
      </c>
    </row>
    <row r="794" spans="1:3" x14ac:dyDescent="0.35">
      <c r="A794" s="3" t="s">
        <v>751</v>
      </c>
      <c r="B794" s="3" t="s">
        <v>790</v>
      </c>
      <c r="C794" s="284">
        <v>1</v>
      </c>
    </row>
    <row r="795" spans="1:3" x14ac:dyDescent="0.35">
      <c r="A795" s="3" t="s">
        <v>948</v>
      </c>
      <c r="B795" s="3" t="s">
        <v>989</v>
      </c>
      <c r="C795" s="284">
        <v>1</v>
      </c>
    </row>
    <row r="796" spans="1:3" x14ac:dyDescent="0.35">
      <c r="A796" s="3" t="s">
        <v>885</v>
      </c>
      <c r="B796" s="3" t="s">
        <v>891</v>
      </c>
      <c r="C796" s="284">
        <v>1</v>
      </c>
    </row>
    <row r="797" spans="1:3" x14ac:dyDescent="0.35">
      <c r="A797" s="3" t="s">
        <v>2029</v>
      </c>
      <c r="B797" s="3" t="s">
        <v>2069</v>
      </c>
      <c r="C797" s="284">
        <v>1</v>
      </c>
    </row>
    <row r="798" spans="1:3" x14ac:dyDescent="0.35">
      <c r="A798" s="3" t="s">
        <v>2323</v>
      </c>
      <c r="B798" s="3" t="s">
        <v>124</v>
      </c>
      <c r="C798" s="284">
        <v>1</v>
      </c>
    </row>
    <row r="799" spans="1:3" x14ac:dyDescent="0.35">
      <c r="A799" s="3" t="s">
        <v>2323</v>
      </c>
      <c r="B799" s="3" t="s">
        <v>125</v>
      </c>
      <c r="C799" s="284">
        <v>1</v>
      </c>
    </row>
    <row r="800" spans="1:3" x14ac:dyDescent="0.35">
      <c r="A800" s="3" t="s">
        <v>1515</v>
      </c>
      <c r="B800" s="3" t="s">
        <v>1591</v>
      </c>
      <c r="C800" s="284">
        <v>1</v>
      </c>
    </row>
    <row r="801" spans="1:3" x14ac:dyDescent="0.35">
      <c r="A801" s="3" t="s">
        <v>54</v>
      </c>
      <c r="B801" s="3" t="s">
        <v>459</v>
      </c>
      <c r="C801" s="284">
        <v>1</v>
      </c>
    </row>
    <row r="802" spans="1:3" x14ac:dyDescent="0.35">
      <c r="A802" s="3" t="s">
        <v>751</v>
      </c>
      <c r="B802" s="3" t="s">
        <v>791</v>
      </c>
      <c r="C802" s="284">
        <v>1</v>
      </c>
    </row>
    <row r="803" spans="1:3" x14ac:dyDescent="0.35">
      <c r="A803" s="3" t="s">
        <v>885</v>
      </c>
      <c r="B803" s="3" t="s">
        <v>892</v>
      </c>
      <c r="C803" s="284">
        <v>1</v>
      </c>
    </row>
    <row r="804" spans="1:3" x14ac:dyDescent="0.35">
      <c r="A804" s="3" t="s">
        <v>2133</v>
      </c>
      <c r="B804" s="3" t="s">
        <v>2211</v>
      </c>
      <c r="C804" s="284">
        <v>1</v>
      </c>
    </row>
    <row r="805" spans="1:3" x14ac:dyDescent="0.35">
      <c r="A805" s="3" t="s">
        <v>1796</v>
      </c>
      <c r="B805" s="3" t="s">
        <v>1803</v>
      </c>
      <c r="C805" s="284">
        <v>1</v>
      </c>
    </row>
    <row r="806" spans="1:3" x14ac:dyDescent="0.35">
      <c r="A806" s="3" t="s">
        <v>631</v>
      </c>
      <c r="B806" s="3" t="s">
        <v>674</v>
      </c>
      <c r="C806" s="284">
        <v>1</v>
      </c>
    </row>
    <row r="807" spans="1:3" x14ac:dyDescent="0.35">
      <c r="A807" s="3" t="s">
        <v>2133</v>
      </c>
      <c r="B807" s="3" t="s">
        <v>2213</v>
      </c>
      <c r="C807" s="284">
        <v>1</v>
      </c>
    </row>
    <row r="808" spans="1:3" x14ac:dyDescent="0.35">
      <c r="A808" s="3" t="s">
        <v>512</v>
      </c>
      <c r="B808" s="3" t="s">
        <v>556</v>
      </c>
      <c r="C808" s="284">
        <v>1</v>
      </c>
    </row>
    <row r="809" spans="1:3" x14ac:dyDescent="0.35">
      <c r="A809" s="3" t="s">
        <v>1812</v>
      </c>
      <c r="B809" s="3" t="s">
        <v>1828</v>
      </c>
      <c r="C809" s="284">
        <v>1</v>
      </c>
    </row>
    <row r="810" spans="1:3" x14ac:dyDescent="0.35">
      <c r="A810" s="3" t="s">
        <v>1796</v>
      </c>
      <c r="B810" s="3" t="s">
        <v>1804</v>
      </c>
      <c r="C810" s="284">
        <v>1</v>
      </c>
    </row>
    <row r="811" spans="1:3" x14ac:dyDescent="0.35">
      <c r="A811" s="3" t="s">
        <v>1515</v>
      </c>
      <c r="B811" s="3" t="s">
        <v>1592</v>
      </c>
      <c r="C811" s="284">
        <v>1</v>
      </c>
    </row>
    <row r="812" spans="1:3" x14ac:dyDescent="0.35">
      <c r="A812" s="3" t="s">
        <v>1718</v>
      </c>
      <c r="B812" s="3" t="s">
        <v>1727</v>
      </c>
      <c r="C812" s="284">
        <v>1</v>
      </c>
    </row>
    <row r="813" spans="1:3" x14ac:dyDescent="0.35">
      <c r="A813" s="3" t="s">
        <v>631</v>
      </c>
      <c r="B813" s="3" t="s">
        <v>675</v>
      </c>
      <c r="C813" s="284">
        <v>1</v>
      </c>
    </row>
    <row r="814" spans="1:3" x14ac:dyDescent="0.35">
      <c r="A814" s="3" t="s">
        <v>2133</v>
      </c>
      <c r="B814" s="3" t="s">
        <v>2214</v>
      </c>
      <c r="C814" s="284">
        <v>1</v>
      </c>
    </row>
    <row r="815" spans="1:3" x14ac:dyDescent="0.35">
      <c r="A815" s="3" t="s">
        <v>54</v>
      </c>
      <c r="B815" s="3" t="s">
        <v>460</v>
      </c>
      <c r="C815" s="284">
        <v>1</v>
      </c>
    </row>
    <row r="816" spans="1:3" x14ac:dyDescent="0.35">
      <c r="A816" s="3" t="s">
        <v>2133</v>
      </c>
      <c r="B816" s="3" t="s">
        <v>2215</v>
      </c>
      <c r="C816" s="284">
        <v>1</v>
      </c>
    </row>
    <row r="817" spans="1:3" x14ac:dyDescent="0.35">
      <c r="A817" s="3" t="s">
        <v>512</v>
      </c>
      <c r="B817" s="3" t="s">
        <v>557</v>
      </c>
      <c r="C817" s="284">
        <v>1</v>
      </c>
    </row>
    <row r="818" spans="1:3" x14ac:dyDescent="0.35">
      <c r="A818" s="3" t="s">
        <v>293</v>
      </c>
      <c r="B818" s="3" t="s">
        <v>323</v>
      </c>
      <c r="C818" s="284">
        <v>1</v>
      </c>
    </row>
    <row r="819" spans="1:3" x14ac:dyDescent="0.35">
      <c r="A819" s="3" t="s">
        <v>101</v>
      </c>
      <c r="B819" s="3" t="s">
        <v>862</v>
      </c>
      <c r="C819" s="284">
        <v>1</v>
      </c>
    </row>
    <row r="820" spans="1:3" x14ac:dyDescent="0.35">
      <c r="A820" s="3" t="s">
        <v>133</v>
      </c>
      <c r="B820" s="3" t="s">
        <v>149</v>
      </c>
      <c r="C820" s="284">
        <v>1</v>
      </c>
    </row>
    <row r="821" spans="1:3" x14ac:dyDescent="0.35">
      <c r="A821" s="3" t="s">
        <v>1945</v>
      </c>
      <c r="B821" s="3" t="s">
        <v>1955</v>
      </c>
      <c r="C821" s="284">
        <v>1</v>
      </c>
    </row>
    <row r="822" spans="1:3" x14ac:dyDescent="0.35">
      <c r="A822" s="3" t="s">
        <v>133</v>
      </c>
      <c r="B822" s="3" t="s">
        <v>150</v>
      </c>
      <c r="C822" s="284">
        <v>1</v>
      </c>
    </row>
    <row r="823" spans="1:3" x14ac:dyDescent="0.35">
      <c r="A823" s="3" t="s">
        <v>1812</v>
      </c>
      <c r="B823" s="3" t="s">
        <v>1829</v>
      </c>
      <c r="C823" s="284">
        <v>0.872</v>
      </c>
    </row>
    <row r="824" spans="1:3" x14ac:dyDescent="0.35">
      <c r="A824" s="3" t="s">
        <v>2133</v>
      </c>
      <c r="B824" s="3" t="s">
        <v>2216</v>
      </c>
      <c r="C824" s="284">
        <v>1</v>
      </c>
    </row>
    <row r="825" spans="1:3" x14ac:dyDescent="0.35">
      <c r="A825" s="3" t="s">
        <v>2</v>
      </c>
      <c r="B825" s="3" t="s">
        <v>6</v>
      </c>
      <c r="C825" s="284">
        <v>1</v>
      </c>
    </row>
    <row r="826" spans="1:3" x14ac:dyDescent="0.35">
      <c r="A826" s="3" t="s">
        <v>512</v>
      </c>
      <c r="B826" s="3" t="s">
        <v>6</v>
      </c>
      <c r="C826" s="284">
        <v>1</v>
      </c>
    </row>
    <row r="827" spans="1:3" x14ac:dyDescent="0.35">
      <c r="A827" s="3" t="s">
        <v>631</v>
      </c>
      <c r="B827" s="278" t="s">
        <v>676</v>
      </c>
      <c r="C827" s="284">
        <v>0.92400000000000004</v>
      </c>
    </row>
    <row r="828" spans="1:3" x14ac:dyDescent="0.35">
      <c r="A828" s="3" t="s">
        <v>2133</v>
      </c>
      <c r="B828" s="3" t="s">
        <v>676</v>
      </c>
      <c r="C828" s="284">
        <v>1</v>
      </c>
    </row>
    <row r="829" spans="1:3" x14ac:dyDescent="0.35">
      <c r="A829" s="3" t="s">
        <v>512</v>
      </c>
      <c r="B829" s="3" t="s">
        <v>558</v>
      </c>
      <c r="C829" s="284">
        <v>1</v>
      </c>
    </row>
    <row r="830" spans="1:3" x14ac:dyDescent="0.35">
      <c r="A830" s="3" t="s">
        <v>631</v>
      </c>
      <c r="B830" s="3" t="s">
        <v>677</v>
      </c>
      <c r="C830" s="284">
        <v>1</v>
      </c>
    </row>
    <row r="831" spans="1:3" x14ac:dyDescent="0.35">
      <c r="A831" s="3" t="s">
        <v>293</v>
      </c>
      <c r="B831" s="3" t="s">
        <v>96</v>
      </c>
      <c r="C831" s="284">
        <v>1</v>
      </c>
    </row>
    <row r="832" spans="1:3" x14ac:dyDescent="0.35">
      <c r="A832" s="3" t="s">
        <v>84</v>
      </c>
      <c r="B832" s="3" t="s">
        <v>96</v>
      </c>
      <c r="C832" s="284">
        <v>1</v>
      </c>
    </row>
    <row r="833" spans="1:3" x14ac:dyDescent="0.35">
      <c r="A833" s="3" t="s">
        <v>751</v>
      </c>
      <c r="B833" s="3" t="s">
        <v>96</v>
      </c>
      <c r="C833" s="284">
        <v>1</v>
      </c>
    </row>
    <row r="834" spans="1:3" x14ac:dyDescent="0.35">
      <c r="A834" s="3" t="s">
        <v>1945</v>
      </c>
      <c r="B834" s="3" t="s">
        <v>96</v>
      </c>
      <c r="C834" s="284">
        <v>1</v>
      </c>
    </row>
    <row r="835" spans="1:3" x14ac:dyDescent="0.35">
      <c r="A835" s="3" t="s">
        <v>1812</v>
      </c>
      <c r="B835" s="3" t="s">
        <v>1830</v>
      </c>
      <c r="C835" s="284">
        <v>1</v>
      </c>
    </row>
    <row r="836" spans="1:3" x14ac:dyDescent="0.35">
      <c r="A836" s="3" t="s">
        <v>751</v>
      </c>
      <c r="B836" s="3" t="s">
        <v>792</v>
      </c>
      <c r="C836" s="284">
        <v>0.91600000000000004</v>
      </c>
    </row>
    <row r="837" spans="1:3" x14ac:dyDescent="0.35">
      <c r="A837" s="3" t="s">
        <v>176</v>
      </c>
      <c r="B837" s="3" t="s">
        <v>222</v>
      </c>
      <c r="C837" s="284">
        <v>1</v>
      </c>
    </row>
    <row r="838" spans="1:3" x14ac:dyDescent="0.35">
      <c r="A838" s="3" t="s">
        <v>631</v>
      </c>
      <c r="B838" s="3" t="s">
        <v>678</v>
      </c>
      <c r="C838" s="284">
        <v>1</v>
      </c>
    </row>
    <row r="839" spans="1:3" x14ac:dyDescent="0.35">
      <c r="A839" s="3" t="s">
        <v>176</v>
      </c>
      <c r="B839" s="3" t="s">
        <v>223</v>
      </c>
      <c r="C839" s="284">
        <v>1</v>
      </c>
    </row>
    <row r="840" spans="1:3" x14ac:dyDescent="0.35">
      <c r="A840" s="3" t="s">
        <v>101</v>
      </c>
      <c r="B840" s="3" t="s">
        <v>863</v>
      </c>
      <c r="C840" s="284">
        <v>0.96</v>
      </c>
    </row>
    <row r="841" spans="1:3" x14ac:dyDescent="0.35">
      <c r="A841" s="3" t="s">
        <v>512</v>
      </c>
      <c r="B841" s="3" t="s">
        <v>559</v>
      </c>
      <c r="C841" s="284">
        <v>1</v>
      </c>
    </row>
    <row r="842" spans="1:3" x14ac:dyDescent="0.35">
      <c r="A842" s="3" t="s">
        <v>631</v>
      </c>
      <c r="B842" s="3" t="s">
        <v>679</v>
      </c>
      <c r="C842" s="284">
        <v>1</v>
      </c>
    </row>
    <row r="843" spans="1:3" x14ac:dyDescent="0.35">
      <c r="A843" s="3" t="s">
        <v>101</v>
      </c>
      <c r="B843" s="3" t="s">
        <v>864</v>
      </c>
      <c r="C843" s="284">
        <v>1</v>
      </c>
    </row>
    <row r="844" spans="1:3" x14ac:dyDescent="0.35">
      <c r="A844" s="3" t="s">
        <v>1515</v>
      </c>
      <c r="B844" s="3" t="s">
        <v>1593</v>
      </c>
      <c r="C844" s="284">
        <v>1</v>
      </c>
    </row>
    <row r="845" spans="1:3" x14ac:dyDescent="0.35">
      <c r="A845" s="3" t="s">
        <v>101</v>
      </c>
      <c r="B845" s="3" t="s">
        <v>865</v>
      </c>
      <c r="C845" s="284">
        <v>1</v>
      </c>
    </row>
    <row r="846" spans="1:3" x14ac:dyDescent="0.35">
      <c r="A846" s="3" t="s">
        <v>1515</v>
      </c>
      <c r="B846" s="3" t="s">
        <v>1594</v>
      </c>
      <c r="C846" s="284">
        <v>1</v>
      </c>
    </row>
    <row r="847" spans="1:3" x14ac:dyDescent="0.35">
      <c r="A847" s="3" t="s">
        <v>1796</v>
      </c>
      <c r="B847" s="3" t="s">
        <v>1805</v>
      </c>
      <c r="C847" s="284">
        <v>1</v>
      </c>
    </row>
    <row r="848" spans="1:3" x14ac:dyDescent="0.35">
      <c r="A848" s="3" t="s">
        <v>1515</v>
      </c>
      <c r="B848" s="3" t="s">
        <v>1595</v>
      </c>
      <c r="C848" s="284">
        <v>1</v>
      </c>
    </row>
    <row r="849" spans="1:3" x14ac:dyDescent="0.35">
      <c r="A849" s="3" t="s">
        <v>631</v>
      </c>
      <c r="B849" s="3" t="s">
        <v>680</v>
      </c>
      <c r="C849" s="284">
        <v>1</v>
      </c>
    </row>
    <row r="850" spans="1:3" x14ac:dyDescent="0.35">
      <c r="A850" s="3" t="s">
        <v>2133</v>
      </c>
      <c r="B850" s="3" t="s">
        <v>2285</v>
      </c>
      <c r="C850" s="284">
        <v>1</v>
      </c>
    </row>
    <row r="851" spans="1:3" x14ac:dyDescent="0.35">
      <c r="A851" s="3" t="s">
        <v>95</v>
      </c>
      <c r="B851" s="3" t="s">
        <v>426</v>
      </c>
      <c r="C851" s="284">
        <v>1</v>
      </c>
    </row>
    <row r="852" spans="1:3" x14ac:dyDescent="0.35">
      <c r="A852" s="3" t="s">
        <v>1734</v>
      </c>
      <c r="B852" s="3" t="s">
        <v>1739</v>
      </c>
      <c r="C852" s="284">
        <v>1</v>
      </c>
    </row>
    <row r="853" spans="1:3" x14ac:dyDescent="0.35">
      <c r="A853" s="3" t="s">
        <v>751</v>
      </c>
      <c r="B853" s="3" t="s">
        <v>854</v>
      </c>
      <c r="C853" s="284">
        <v>1</v>
      </c>
    </row>
    <row r="854" spans="1:3" x14ac:dyDescent="0.35">
      <c r="A854" s="3" t="s">
        <v>1812</v>
      </c>
      <c r="B854" s="3" t="s">
        <v>1831</v>
      </c>
      <c r="C854" s="284">
        <v>1</v>
      </c>
    </row>
    <row r="855" spans="1:3" x14ac:dyDescent="0.35">
      <c r="A855" s="3" t="s">
        <v>1515</v>
      </c>
      <c r="B855" s="3" t="s">
        <v>1596</v>
      </c>
      <c r="C855" s="284">
        <v>1</v>
      </c>
    </row>
    <row r="856" spans="1:3" x14ac:dyDescent="0.35">
      <c r="A856" s="3" t="s">
        <v>1515</v>
      </c>
      <c r="B856" s="3" t="s">
        <v>1597</v>
      </c>
      <c r="C856" s="284">
        <v>1</v>
      </c>
    </row>
    <row r="857" spans="1:3" x14ac:dyDescent="0.35">
      <c r="A857" s="3" t="s">
        <v>1515</v>
      </c>
      <c r="B857" s="3" t="s">
        <v>1598</v>
      </c>
      <c r="C857" s="284">
        <v>1</v>
      </c>
    </row>
    <row r="858" spans="1:3" x14ac:dyDescent="0.35">
      <c r="A858" s="3" t="s">
        <v>95</v>
      </c>
      <c r="B858" s="3" t="s">
        <v>386</v>
      </c>
      <c r="C858" s="284">
        <v>1</v>
      </c>
    </row>
    <row r="859" spans="1:3" x14ac:dyDescent="0.35">
      <c r="A859" s="3" t="s">
        <v>2133</v>
      </c>
      <c r="B859" s="3" t="s">
        <v>2218</v>
      </c>
      <c r="C859" s="284">
        <v>1</v>
      </c>
    </row>
    <row r="860" spans="1:3" x14ac:dyDescent="0.35">
      <c r="A860" s="3" t="s">
        <v>512</v>
      </c>
      <c r="B860" s="3" t="s">
        <v>560</v>
      </c>
      <c r="C860" s="284">
        <v>1</v>
      </c>
    </row>
    <row r="861" spans="1:3" x14ac:dyDescent="0.35">
      <c r="A861" s="3" t="s">
        <v>176</v>
      </c>
      <c r="B861" s="3" t="s">
        <v>97</v>
      </c>
      <c r="C861" s="284">
        <v>1</v>
      </c>
    </row>
    <row r="862" spans="1:3" x14ac:dyDescent="0.35">
      <c r="A862" s="3" t="s">
        <v>293</v>
      </c>
      <c r="B862" s="278" t="s">
        <v>2727</v>
      </c>
      <c r="C862" s="284">
        <v>1.048</v>
      </c>
    </row>
    <row r="863" spans="1:3" x14ac:dyDescent="0.35">
      <c r="A863" s="3" t="s">
        <v>84</v>
      </c>
      <c r="B863" s="3" t="s">
        <v>97</v>
      </c>
      <c r="C863" s="284">
        <v>1</v>
      </c>
    </row>
    <row r="864" spans="1:3" x14ac:dyDescent="0.35">
      <c r="A864" s="3" t="s">
        <v>751</v>
      </c>
      <c r="B864" s="3" t="s">
        <v>97</v>
      </c>
      <c r="C864" s="284">
        <v>1</v>
      </c>
    </row>
    <row r="865" spans="1:3" x14ac:dyDescent="0.35">
      <c r="A865" s="3" t="s">
        <v>904</v>
      </c>
      <c r="B865" s="3" t="s">
        <v>97</v>
      </c>
      <c r="C865" s="284">
        <v>1</v>
      </c>
    </row>
    <row r="866" spans="1:3" x14ac:dyDescent="0.35">
      <c r="A866" s="3" t="s">
        <v>54</v>
      </c>
      <c r="B866" s="3" t="s">
        <v>461</v>
      </c>
      <c r="C866" s="284">
        <v>1</v>
      </c>
    </row>
    <row r="867" spans="1:3" x14ac:dyDescent="0.35">
      <c r="A867" s="3" t="s">
        <v>1812</v>
      </c>
      <c r="B867" s="3" t="s">
        <v>1832</v>
      </c>
      <c r="C867" s="284">
        <v>1</v>
      </c>
    </row>
    <row r="868" spans="1:3" x14ac:dyDescent="0.35">
      <c r="A868" s="3" t="s">
        <v>2133</v>
      </c>
      <c r="B868" s="3" t="s">
        <v>2219</v>
      </c>
      <c r="C868" s="284">
        <v>1</v>
      </c>
    </row>
    <row r="869" spans="1:3" x14ac:dyDescent="0.35">
      <c r="A869" s="3" t="s">
        <v>95</v>
      </c>
      <c r="B869" s="3" t="s">
        <v>427</v>
      </c>
      <c r="C869" s="284">
        <v>1</v>
      </c>
    </row>
    <row r="870" spans="1:3" x14ac:dyDescent="0.35">
      <c r="A870" s="3" t="s">
        <v>631</v>
      </c>
      <c r="B870" s="3" t="s">
        <v>681</v>
      </c>
      <c r="C870" s="284">
        <v>1</v>
      </c>
    </row>
    <row r="871" spans="1:3" x14ac:dyDescent="0.35">
      <c r="A871" s="3" t="s">
        <v>512</v>
      </c>
      <c r="B871" s="3" t="s">
        <v>561</v>
      </c>
      <c r="C871" s="284">
        <v>1</v>
      </c>
    </row>
    <row r="872" spans="1:3" x14ac:dyDescent="0.35">
      <c r="A872" s="3" t="s">
        <v>293</v>
      </c>
      <c r="B872" s="3" t="s">
        <v>324</v>
      </c>
      <c r="C872" s="284">
        <v>1</v>
      </c>
    </row>
    <row r="873" spans="1:3" x14ac:dyDescent="0.35">
      <c r="A873" s="3" t="s">
        <v>751</v>
      </c>
      <c r="B873" s="3" t="s">
        <v>793</v>
      </c>
      <c r="C873" s="284">
        <v>1</v>
      </c>
    </row>
    <row r="874" spans="1:3" x14ac:dyDescent="0.35">
      <c r="A874" s="3" t="s">
        <v>2029</v>
      </c>
      <c r="B874" s="3" t="s">
        <v>2070</v>
      </c>
      <c r="C874" s="284">
        <v>1</v>
      </c>
    </row>
    <row r="875" spans="1:3" x14ac:dyDescent="0.35">
      <c r="A875" s="3" t="s">
        <v>2029</v>
      </c>
      <c r="B875" s="3" t="s">
        <v>2071</v>
      </c>
      <c r="C875" s="284">
        <v>1</v>
      </c>
    </row>
    <row r="876" spans="1:3" x14ac:dyDescent="0.35">
      <c r="A876" s="3" t="s">
        <v>2029</v>
      </c>
      <c r="B876" s="3" t="s">
        <v>2072</v>
      </c>
      <c r="C876" s="284">
        <v>1</v>
      </c>
    </row>
    <row r="877" spans="1:3" x14ac:dyDescent="0.35">
      <c r="A877" s="3" t="s">
        <v>2029</v>
      </c>
      <c r="B877" s="3" t="s">
        <v>2073</v>
      </c>
      <c r="C877" s="284">
        <v>1</v>
      </c>
    </row>
    <row r="878" spans="1:3" x14ac:dyDescent="0.35">
      <c r="A878" s="3" t="s">
        <v>2029</v>
      </c>
      <c r="B878" s="3" t="s">
        <v>2074</v>
      </c>
      <c r="C878" s="284">
        <v>1</v>
      </c>
    </row>
    <row r="879" spans="1:3" x14ac:dyDescent="0.35">
      <c r="A879" s="3" t="s">
        <v>2133</v>
      </c>
      <c r="B879" s="3" t="s">
        <v>2146</v>
      </c>
      <c r="C879" s="284">
        <v>1</v>
      </c>
    </row>
    <row r="880" spans="1:3" x14ac:dyDescent="0.35">
      <c r="A880" s="3" t="s">
        <v>512</v>
      </c>
      <c r="B880" s="3" t="s">
        <v>529</v>
      </c>
      <c r="C880" s="284">
        <v>1</v>
      </c>
    </row>
    <row r="881" spans="1:3" x14ac:dyDescent="0.35">
      <c r="A881" s="3" t="s">
        <v>1880</v>
      </c>
      <c r="B881" s="3" t="s">
        <v>1901</v>
      </c>
      <c r="C881" s="284">
        <v>1</v>
      </c>
    </row>
    <row r="882" spans="1:3" x14ac:dyDescent="0.35">
      <c r="A882" s="3" t="s">
        <v>948</v>
      </c>
      <c r="B882" s="3" t="s">
        <v>965</v>
      </c>
      <c r="C882" s="284">
        <v>1</v>
      </c>
    </row>
    <row r="883" spans="1:3" x14ac:dyDescent="0.35">
      <c r="A883" s="3" t="s">
        <v>176</v>
      </c>
      <c r="B883" s="3" t="s">
        <v>196</v>
      </c>
      <c r="C883" s="284">
        <v>1</v>
      </c>
    </row>
    <row r="884" spans="1:3" x14ac:dyDescent="0.35">
      <c r="A884" s="3" t="s">
        <v>293</v>
      </c>
      <c r="B884" s="3" t="s">
        <v>307</v>
      </c>
      <c r="C884" s="284">
        <v>1</v>
      </c>
    </row>
    <row r="885" spans="1:3" x14ac:dyDescent="0.35">
      <c r="A885" s="3" t="s">
        <v>176</v>
      </c>
      <c r="B885" s="3" t="s">
        <v>212</v>
      </c>
      <c r="C885" s="284">
        <v>1</v>
      </c>
    </row>
    <row r="886" spans="1:3" x14ac:dyDescent="0.35">
      <c r="A886" s="3" t="s">
        <v>751</v>
      </c>
      <c r="B886" s="3" t="s">
        <v>783</v>
      </c>
      <c r="C886" s="284">
        <v>1</v>
      </c>
    </row>
    <row r="887" spans="1:3" x14ac:dyDescent="0.35">
      <c r="A887" s="3" t="s">
        <v>512</v>
      </c>
      <c r="B887" s="3" t="s">
        <v>553</v>
      </c>
      <c r="C887" s="284">
        <v>1</v>
      </c>
    </row>
    <row r="888" spans="1:3" x14ac:dyDescent="0.35">
      <c r="A888" s="3" t="s">
        <v>176</v>
      </c>
      <c r="B888" s="3" t="s">
        <v>217</v>
      </c>
      <c r="C888" s="284">
        <v>1</v>
      </c>
    </row>
    <row r="889" spans="1:3" x14ac:dyDescent="0.35">
      <c r="A889" s="3" t="s">
        <v>176</v>
      </c>
      <c r="B889" s="3" t="s">
        <v>225</v>
      </c>
      <c r="C889" s="284">
        <v>1</v>
      </c>
    </row>
    <row r="890" spans="1:3" x14ac:dyDescent="0.35">
      <c r="A890" s="3" t="s">
        <v>2323</v>
      </c>
      <c r="B890" s="3" t="s">
        <v>2366</v>
      </c>
      <c r="C890" s="284">
        <v>1</v>
      </c>
    </row>
    <row r="891" spans="1:3" x14ac:dyDescent="0.35">
      <c r="A891" s="3" t="s">
        <v>1974</v>
      </c>
      <c r="B891" s="3" t="s">
        <v>2016</v>
      </c>
      <c r="C891" s="284">
        <v>1</v>
      </c>
    </row>
    <row r="892" spans="1:3" x14ac:dyDescent="0.35">
      <c r="A892" s="3" t="s">
        <v>1515</v>
      </c>
      <c r="B892" s="3" t="s">
        <v>1601</v>
      </c>
      <c r="C892" s="284">
        <v>1</v>
      </c>
    </row>
    <row r="893" spans="1:3" x14ac:dyDescent="0.35">
      <c r="A893" s="3" t="s">
        <v>512</v>
      </c>
      <c r="B893" s="3" t="s">
        <v>566</v>
      </c>
      <c r="C893" s="284">
        <v>1</v>
      </c>
    </row>
    <row r="894" spans="1:3" x14ac:dyDescent="0.35">
      <c r="A894" s="3" t="s">
        <v>54</v>
      </c>
      <c r="B894" s="3" t="s">
        <v>468</v>
      </c>
      <c r="C894" s="284">
        <v>1</v>
      </c>
    </row>
    <row r="895" spans="1:3" x14ac:dyDescent="0.35">
      <c r="A895" s="3" t="s">
        <v>19</v>
      </c>
      <c r="B895" s="278" t="s">
        <v>22</v>
      </c>
      <c r="C895" s="284">
        <v>1.177</v>
      </c>
    </row>
    <row r="896" spans="1:3" x14ac:dyDescent="0.35">
      <c r="A896" s="3" t="s">
        <v>631</v>
      </c>
      <c r="B896" s="3" t="s">
        <v>22</v>
      </c>
      <c r="C896" s="284">
        <v>1</v>
      </c>
    </row>
    <row r="897" spans="1:3" x14ac:dyDescent="0.35">
      <c r="A897" s="3" t="s">
        <v>948</v>
      </c>
      <c r="B897" s="3" t="s">
        <v>1016</v>
      </c>
      <c r="C897" s="284">
        <v>1</v>
      </c>
    </row>
    <row r="898" spans="1:3" x14ac:dyDescent="0.35">
      <c r="A898" s="3" t="s">
        <v>2133</v>
      </c>
      <c r="B898" s="3" t="s">
        <v>2247</v>
      </c>
      <c r="C898" s="284">
        <v>1</v>
      </c>
    </row>
    <row r="899" spans="1:3" x14ac:dyDescent="0.35">
      <c r="A899" s="3" t="s">
        <v>751</v>
      </c>
      <c r="B899" s="3" t="s">
        <v>813</v>
      </c>
      <c r="C899" s="284">
        <v>1</v>
      </c>
    </row>
    <row r="900" spans="1:3" x14ac:dyDescent="0.35">
      <c r="A900" s="3" t="s">
        <v>948</v>
      </c>
      <c r="B900" s="3" t="s">
        <v>1023</v>
      </c>
      <c r="C900" s="284">
        <v>1</v>
      </c>
    </row>
    <row r="901" spans="1:3" x14ac:dyDescent="0.35">
      <c r="A901" s="3" t="s">
        <v>948</v>
      </c>
      <c r="B901" s="3" t="s">
        <v>1501</v>
      </c>
      <c r="C901" s="284">
        <v>1</v>
      </c>
    </row>
    <row r="902" spans="1:3" x14ac:dyDescent="0.35">
      <c r="A902" s="3" t="s">
        <v>176</v>
      </c>
      <c r="B902" s="3" t="s">
        <v>273</v>
      </c>
      <c r="C902" s="284">
        <v>1</v>
      </c>
    </row>
    <row r="903" spans="1:3" x14ac:dyDescent="0.35">
      <c r="A903" s="3" t="s">
        <v>95</v>
      </c>
      <c r="B903" s="3" t="s">
        <v>415</v>
      </c>
      <c r="C903" s="284">
        <v>1</v>
      </c>
    </row>
    <row r="904" spans="1:3" x14ac:dyDescent="0.35">
      <c r="A904" s="3" t="s">
        <v>885</v>
      </c>
      <c r="B904" s="3" t="s">
        <v>902</v>
      </c>
      <c r="C904" s="284">
        <v>1</v>
      </c>
    </row>
    <row r="905" spans="1:3" x14ac:dyDescent="0.35">
      <c r="A905" s="3" t="s">
        <v>1515</v>
      </c>
      <c r="B905" s="3" t="s">
        <v>1599</v>
      </c>
      <c r="C905" s="284">
        <v>1</v>
      </c>
    </row>
    <row r="906" spans="1:3" x14ac:dyDescent="0.35">
      <c r="A906" s="3" t="s">
        <v>512</v>
      </c>
      <c r="B906" s="3" t="s">
        <v>562</v>
      </c>
      <c r="C906" s="284">
        <v>0.94</v>
      </c>
    </row>
    <row r="907" spans="1:3" x14ac:dyDescent="0.35">
      <c r="A907" s="3" t="s">
        <v>751</v>
      </c>
      <c r="B907" s="3" t="s">
        <v>794</v>
      </c>
      <c r="C907" s="284">
        <v>1</v>
      </c>
    </row>
    <row r="908" spans="1:3" x14ac:dyDescent="0.35">
      <c r="A908" s="3" t="s">
        <v>1744</v>
      </c>
      <c r="B908" s="3" t="s">
        <v>794</v>
      </c>
      <c r="C908" s="284">
        <v>1</v>
      </c>
    </row>
    <row r="909" spans="1:3" x14ac:dyDescent="0.35">
      <c r="A909" s="3" t="s">
        <v>84</v>
      </c>
      <c r="B909" s="3" t="s">
        <v>98</v>
      </c>
      <c r="C909" s="284">
        <v>1</v>
      </c>
    </row>
    <row r="910" spans="1:3" x14ac:dyDescent="0.35">
      <c r="A910" s="3" t="s">
        <v>904</v>
      </c>
      <c r="B910" s="3" t="s">
        <v>931</v>
      </c>
      <c r="C910" s="284">
        <v>1</v>
      </c>
    </row>
    <row r="911" spans="1:3" x14ac:dyDescent="0.35">
      <c r="A911" s="3" t="s">
        <v>1718</v>
      </c>
      <c r="B911" s="3" t="s">
        <v>1728</v>
      </c>
      <c r="C911" s="284">
        <v>1</v>
      </c>
    </row>
    <row r="912" spans="1:3" x14ac:dyDescent="0.35">
      <c r="A912" s="3" t="s">
        <v>2133</v>
      </c>
      <c r="B912" s="3" t="s">
        <v>2220</v>
      </c>
      <c r="C912" s="284">
        <v>1</v>
      </c>
    </row>
    <row r="913" spans="1:3" x14ac:dyDescent="0.35">
      <c r="A913" s="3" t="s">
        <v>176</v>
      </c>
      <c r="B913" s="3" t="s">
        <v>224</v>
      </c>
      <c r="C913" s="284">
        <v>1</v>
      </c>
    </row>
    <row r="914" spans="1:3" x14ac:dyDescent="0.35">
      <c r="A914" s="3" t="s">
        <v>2133</v>
      </c>
      <c r="B914" s="3" t="s">
        <v>2187</v>
      </c>
      <c r="C914" s="284">
        <v>1</v>
      </c>
    </row>
    <row r="915" spans="1:3" x14ac:dyDescent="0.35">
      <c r="A915" s="3" t="s">
        <v>176</v>
      </c>
      <c r="B915" s="3" t="s">
        <v>227</v>
      </c>
      <c r="C915" s="284">
        <v>1</v>
      </c>
    </row>
    <row r="916" spans="1:3" x14ac:dyDescent="0.35">
      <c r="A916" s="3" t="s">
        <v>2133</v>
      </c>
      <c r="B916" s="3" t="s">
        <v>2230</v>
      </c>
      <c r="C916" s="284">
        <v>1</v>
      </c>
    </row>
    <row r="917" spans="1:3" x14ac:dyDescent="0.35">
      <c r="A917" s="3" t="s">
        <v>176</v>
      </c>
      <c r="B917" s="3" t="s">
        <v>250</v>
      </c>
      <c r="C917" s="284">
        <v>1</v>
      </c>
    </row>
    <row r="918" spans="1:3" x14ac:dyDescent="0.35">
      <c r="A918" s="3" t="s">
        <v>2133</v>
      </c>
      <c r="B918" s="3" t="s">
        <v>2252</v>
      </c>
      <c r="C918" s="284">
        <v>1</v>
      </c>
    </row>
    <row r="919" spans="1:3" x14ac:dyDescent="0.35">
      <c r="A919" s="3" t="s">
        <v>751</v>
      </c>
      <c r="B919" s="278" t="s">
        <v>798</v>
      </c>
      <c r="C919" s="284">
        <v>0.89200000000000002</v>
      </c>
    </row>
    <row r="920" spans="1:3" x14ac:dyDescent="0.35">
      <c r="A920" s="3" t="s">
        <v>1734</v>
      </c>
      <c r="B920" s="3" t="s">
        <v>798</v>
      </c>
      <c r="C920" s="284">
        <v>1</v>
      </c>
    </row>
    <row r="921" spans="1:3" x14ac:dyDescent="0.35">
      <c r="A921" s="3" t="s">
        <v>1974</v>
      </c>
      <c r="B921" s="3" t="s">
        <v>798</v>
      </c>
      <c r="C921" s="284">
        <v>1</v>
      </c>
    </row>
    <row r="922" spans="1:3" x14ac:dyDescent="0.35">
      <c r="A922" s="3" t="s">
        <v>133</v>
      </c>
      <c r="B922" s="3" t="s">
        <v>151</v>
      </c>
      <c r="C922" s="284">
        <v>1.0449999999999999</v>
      </c>
    </row>
    <row r="923" spans="1:3" x14ac:dyDescent="0.35">
      <c r="A923" s="3" t="s">
        <v>95</v>
      </c>
      <c r="B923" s="3" t="s">
        <v>387</v>
      </c>
      <c r="C923" s="284">
        <v>1</v>
      </c>
    </row>
    <row r="924" spans="1:3" x14ac:dyDescent="0.35">
      <c r="A924" s="3" t="s">
        <v>45</v>
      </c>
      <c r="B924" s="3" t="s">
        <v>56</v>
      </c>
      <c r="C924" s="284">
        <v>1</v>
      </c>
    </row>
    <row r="925" spans="1:3" x14ac:dyDescent="0.35">
      <c r="A925" s="3" t="s">
        <v>2133</v>
      </c>
      <c r="B925" s="3" t="s">
        <v>2221</v>
      </c>
      <c r="C925" s="284">
        <v>1</v>
      </c>
    </row>
    <row r="926" spans="1:3" x14ac:dyDescent="0.35">
      <c r="A926" s="3" t="s">
        <v>631</v>
      </c>
      <c r="B926" s="3" t="s">
        <v>682</v>
      </c>
      <c r="C926" s="284">
        <v>0.877</v>
      </c>
    </row>
    <row r="927" spans="1:3" x14ac:dyDescent="0.35">
      <c r="A927" s="3" t="s">
        <v>1515</v>
      </c>
      <c r="B927" s="3" t="s">
        <v>1600</v>
      </c>
      <c r="C927" s="284">
        <v>1</v>
      </c>
    </row>
    <row r="928" spans="1:3" x14ac:dyDescent="0.35">
      <c r="A928" s="3" t="s">
        <v>904</v>
      </c>
      <c r="B928" s="3" t="s">
        <v>932</v>
      </c>
      <c r="C928" s="284">
        <v>0.93799999999999994</v>
      </c>
    </row>
    <row r="929" spans="1:3" x14ac:dyDescent="0.35">
      <c r="A929" s="3" t="s">
        <v>1945</v>
      </c>
      <c r="B929" s="3" t="s">
        <v>1956</v>
      </c>
      <c r="C929" s="284">
        <v>1</v>
      </c>
    </row>
    <row r="930" spans="1:3" x14ac:dyDescent="0.35">
      <c r="A930" s="3" t="s">
        <v>54</v>
      </c>
      <c r="B930" s="3" t="s">
        <v>462</v>
      </c>
      <c r="C930" s="284">
        <v>1</v>
      </c>
    </row>
    <row r="931" spans="1:3" x14ac:dyDescent="0.35">
      <c r="A931" s="3" t="s">
        <v>948</v>
      </c>
      <c r="B931" s="3" t="s">
        <v>991</v>
      </c>
      <c r="C931" s="284">
        <v>1</v>
      </c>
    </row>
    <row r="932" spans="1:3" x14ac:dyDescent="0.35">
      <c r="A932" s="3" t="s">
        <v>293</v>
      </c>
      <c r="B932" s="3" t="s">
        <v>325</v>
      </c>
      <c r="C932" s="284">
        <v>1</v>
      </c>
    </row>
    <row r="933" spans="1:3" x14ac:dyDescent="0.35">
      <c r="A933" s="3" t="s">
        <v>19</v>
      </c>
      <c r="B933" s="3" t="s">
        <v>24</v>
      </c>
      <c r="C933" s="284">
        <v>1</v>
      </c>
    </row>
    <row r="934" spans="1:3" x14ac:dyDescent="0.35">
      <c r="A934" s="3" t="s">
        <v>1812</v>
      </c>
      <c r="B934" s="3" t="s">
        <v>24</v>
      </c>
      <c r="C934" s="284">
        <v>1</v>
      </c>
    </row>
    <row r="935" spans="1:3" x14ac:dyDescent="0.35">
      <c r="A935" s="3" t="s">
        <v>904</v>
      </c>
      <c r="B935" s="3" t="s">
        <v>906</v>
      </c>
      <c r="C935" s="284">
        <v>1</v>
      </c>
    </row>
    <row r="936" spans="1:3" x14ac:dyDescent="0.35">
      <c r="A936" s="3" t="s">
        <v>19</v>
      </c>
      <c r="B936" s="3" t="s">
        <v>23</v>
      </c>
      <c r="C936" s="284">
        <v>1</v>
      </c>
    </row>
    <row r="937" spans="1:3" x14ac:dyDescent="0.35">
      <c r="A937" s="3" t="s">
        <v>904</v>
      </c>
      <c r="B937" s="3" t="s">
        <v>927</v>
      </c>
      <c r="C937" s="284">
        <v>1</v>
      </c>
    </row>
    <row r="938" spans="1:3" x14ac:dyDescent="0.35">
      <c r="A938" s="3" t="s">
        <v>1861</v>
      </c>
      <c r="B938" s="3" t="s">
        <v>1863</v>
      </c>
      <c r="C938" s="284">
        <v>0.96099999999999997</v>
      </c>
    </row>
    <row r="939" spans="1:3" x14ac:dyDescent="0.35">
      <c r="A939" s="3" t="s">
        <v>904</v>
      </c>
      <c r="B939" s="3" t="s">
        <v>940</v>
      </c>
      <c r="C939" s="284">
        <v>1</v>
      </c>
    </row>
    <row r="940" spans="1:3" x14ac:dyDescent="0.35">
      <c r="A940" s="3" t="s">
        <v>751</v>
      </c>
      <c r="B940" s="3" t="s">
        <v>819</v>
      </c>
      <c r="C940" s="284">
        <v>1</v>
      </c>
    </row>
    <row r="941" spans="1:3" x14ac:dyDescent="0.35">
      <c r="A941" s="3" t="s">
        <v>2133</v>
      </c>
      <c r="B941" s="3" t="s">
        <v>819</v>
      </c>
      <c r="C941" s="284">
        <v>1</v>
      </c>
    </row>
    <row r="942" spans="1:3" x14ac:dyDescent="0.35">
      <c r="A942" s="3" t="s">
        <v>1515</v>
      </c>
      <c r="B942" s="3" t="s">
        <v>1621</v>
      </c>
      <c r="C942" s="284">
        <v>1</v>
      </c>
    </row>
    <row r="943" spans="1:3" x14ac:dyDescent="0.35">
      <c r="A943" s="3" t="s">
        <v>1812</v>
      </c>
      <c r="B943" s="3" t="s">
        <v>1833</v>
      </c>
      <c r="C943" s="284">
        <v>1</v>
      </c>
    </row>
    <row r="944" spans="1:3" x14ac:dyDescent="0.35">
      <c r="A944" s="3" t="s">
        <v>631</v>
      </c>
      <c r="B944" s="3" t="s">
        <v>748</v>
      </c>
      <c r="C944" s="284">
        <v>1</v>
      </c>
    </row>
    <row r="945" spans="1:3" x14ac:dyDescent="0.35">
      <c r="A945" s="3" t="s">
        <v>1796</v>
      </c>
      <c r="B945" s="3" t="s">
        <v>1806</v>
      </c>
      <c r="C945" s="284">
        <v>1</v>
      </c>
    </row>
    <row r="946" spans="1:3" x14ac:dyDescent="0.35">
      <c r="A946" s="3" t="s">
        <v>293</v>
      </c>
      <c r="B946" s="3" t="s">
        <v>326</v>
      </c>
      <c r="C946" s="284">
        <v>1</v>
      </c>
    </row>
    <row r="947" spans="1:3" x14ac:dyDescent="0.35">
      <c r="A947" s="3" t="s">
        <v>751</v>
      </c>
      <c r="B947" s="3" t="s">
        <v>795</v>
      </c>
      <c r="C947" s="284">
        <v>1</v>
      </c>
    </row>
    <row r="948" spans="1:3" x14ac:dyDescent="0.35">
      <c r="A948" s="3" t="s">
        <v>512</v>
      </c>
      <c r="B948" s="3" t="s">
        <v>564</v>
      </c>
      <c r="C948" s="284">
        <v>1</v>
      </c>
    </row>
    <row r="949" spans="1:3" x14ac:dyDescent="0.35">
      <c r="A949" s="3" t="s">
        <v>1880</v>
      </c>
      <c r="B949" s="3" t="s">
        <v>564</v>
      </c>
      <c r="C949" s="284">
        <v>1</v>
      </c>
    </row>
    <row r="950" spans="1:3" x14ac:dyDescent="0.35">
      <c r="A950" s="3" t="s">
        <v>2133</v>
      </c>
      <c r="B950" s="3" t="s">
        <v>564</v>
      </c>
      <c r="C950" s="284">
        <v>1</v>
      </c>
    </row>
    <row r="951" spans="1:3" x14ac:dyDescent="0.35">
      <c r="A951" s="3" t="s">
        <v>948</v>
      </c>
      <c r="B951" s="3" t="s">
        <v>992</v>
      </c>
      <c r="C951" s="284">
        <v>1</v>
      </c>
    </row>
    <row r="952" spans="1:3" x14ac:dyDescent="0.35">
      <c r="A952" s="3" t="s">
        <v>948</v>
      </c>
      <c r="B952" s="3" t="s">
        <v>993</v>
      </c>
      <c r="C952" s="284">
        <v>1</v>
      </c>
    </row>
    <row r="953" spans="1:3" x14ac:dyDescent="0.35">
      <c r="A953" s="3" t="s">
        <v>948</v>
      </c>
      <c r="B953" s="3" t="s">
        <v>995</v>
      </c>
      <c r="C953" s="284">
        <v>1</v>
      </c>
    </row>
    <row r="954" spans="1:3" x14ac:dyDescent="0.35">
      <c r="A954" s="3" t="s">
        <v>948</v>
      </c>
      <c r="B954" s="3" t="s">
        <v>996</v>
      </c>
      <c r="C954" s="284">
        <v>1</v>
      </c>
    </row>
    <row r="955" spans="1:3" x14ac:dyDescent="0.35">
      <c r="A955" s="3" t="s">
        <v>948</v>
      </c>
      <c r="B955" s="3" t="s">
        <v>997</v>
      </c>
      <c r="C955" s="284">
        <v>1</v>
      </c>
    </row>
    <row r="956" spans="1:3" x14ac:dyDescent="0.35">
      <c r="A956" s="3" t="s">
        <v>948</v>
      </c>
      <c r="B956" s="3" t="s">
        <v>998</v>
      </c>
      <c r="C956" s="284">
        <v>1</v>
      </c>
    </row>
    <row r="957" spans="1:3" x14ac:dyDescent="0.35">
      <c r="A957" s="3" t="s">
        <v>948</v>
      </c>
      <c r="B957" s="3" t="s">
        <v>999</v>
      </c>
      <c r="C957" s="284">
        <v>1</v>
      </c>
    </row>
    <row r="958" spans="1:3" x14ac:dyDescent="0.35">
      <c r="A958" s="3" t="s">
        <v>948</v>
      </c>
      <c r="B958" s="3" t="s">
        <v>1000</v>
      </c>
      <c r="C958" s="284">
        <v>1</v>
      </c>
    </row>
    <row r="959" spans="1:3" x14ac:dyDescent="0.35">
      <c r="A959" s="3" t="s">
        <v>948</v>
      </c>
      <c r="B959" s="3" t="s">
        <v>1507</v>
      </c>
      <c r="C959" s="284">
        <v>1</v>
      </c>
    </row>
    <row r="960" spans="1:3" x14ac:dyDescent="0.35">
      <c r="A960" s="3" t="s">
        <v>948</v>
      </c>
      <c r="B960" s="3" t="s">
        <v>1001</v>
      </c>
      <c r="C960" s="284">
        <v>1</v>
      </c>
    </row>
    <row r="961" spans="1:3" x14ac:dyDescent="0.35">
      <c r="A961" s="3" t="s">
        <v>293</v>
      </c>
      <c r="B961" s="3" t="s">
        <v>327</v>
      </c>
      <c r="C961" s="284">
        <v>1</v>
      </c>
    </row>
    <row r="962" spans="1:3" x14ac:dyDescent="0.35">
      <c r="A962" s="3" t="s">
        <v>1945</v>
      </c>
      <c r="B962" s="3" t="s">
        <v>1957</v>
      </c>
      <c r="C962" s="284">
        <v>1</v>
      </c>
    </row>
    <row r="963" spans="1:3" x14ac:dyDescent="0.35">
      <c r="A963" s="3" t="s">
        <v>631</v>
      </c>
      <c r="B963" s="3" t="s">
        <v>683</v>
      </c>
      <c r="C963" s="284">
        <v>1</v>
      </c>
    </row>
    <row r="964" spans="1:3" x14ac:dyDescent="0.35">
      <c r="A964" s="3" t="s">
        <v>95</v>
      </c>
      <c r="B964" s="3" t="s">
        <v>388</v>
      </c>
      <c r="C964" s="284">
        <v>1</v>
      </c>
    </row>
    <row r="965" spans="1:3" x14ac:dyDescent="0.35">
      <c r="A965" s="3" t="s">
        <v>2133</v>
      </c>
      <c r="B965" s="3" t="s">
        <v>2222</v>
      </c>
      <c r="C965" s="284">
        <v>1</v>
      </c>
    </row>
    <row r="966" spans="1:3" x14ac:dyDescent="0.35">
      <c r="A966" s="3" t="s">
        <v>2029</v>
      </c>
      <c r="B966" s="3" t="s">
        <v>2075</v>
      </c>
      <c r="C966" s="284">
        <v>1</v>
      </c>
    </row>
    <row r="967" spans="1:3" x14ac:dyDescent="0.35">
      <c r="A967" s="3" t="s">
        <v>2029</v>
      </c>
      <c r="B967" s="3" t="s">
        <v>2076</v>
      </c>
      <c r="C967" s="284">
        <v>1</v>
      </c>
    </row>
    <row r="968" spans="1:3" x14ac:dyDescent="0.35">
      <c r="A968" s="3" t="s">
        <v>2133</v>
      </c>
      <c r="B968" s="3" t="s">
        <v>2223</v>
      </c>
      <c r="C968" s="284">
        <v>1</v>
      </c>
    </row>
    <row r="969" spans="1:3" x14ac:dyDescent="0.35">
      <c r="A969" s="3" t="s">
        <v>293</v>
      </c>
      <c r="B969" s="3" t="s">
        <v>328</v>
      </c>
      <c r="C969" s="284">
        <v>1</v>
      </c>
    </row>
    <row r="970" spans="1:3" x14ac:dyDescent="0.35">
      <c r="A970" s="3" t="s">
        <v>133</v>
      </c>
      <c r="B970" s="3" t="s">
        <v>140</v>
      </c>
      <c r="C970" s="284">
        <v>1</v>
      </c>
    </row>
    <row r="971" spans="1:3" x14ac:dyDescent="0.35">
      <c r="A971" s="3" t="s">
        <v>36</v>
      </c>
      <c r="B971" s="3" t="s">
        <v>42</v>
      </c>
      <c r="C971" s="284">
        <v>0.89800000000000002</v>
      </c>
    </row>
    <row r="972" spans="1:3" x14ac:dyDescent="0.35">
      <c r="A972" s="3" t="s">
        <v>176</v>
      </c>
      <c r="B972" s="3" t="s">
        <v>226</v>
      </c>
      <c r="C972" s="284">
        <v>1</v>
      </c>
    </row>
    <row r="973" spans="1:3" x14ac:dyDescent="0.35">
      <c r="A973" s="3" t="s">
        <v>45</v>
      </c>
      <c r="B973" s="3" t="s">
        <v>57</v>
      </c>
      <c r="C973" s="284">
        <v>1</v>
      </c>
    </row>
    <row r="974" spans="1:3" x14ac:dyDescent="0.35">
      <c r="A974" s="3" t="s">
        <v>751</v>
      </c>
      <c r="B974" s="3" t="s">
        <v>796</v>
      </c>
      <c r="C974" s="284">
        <v>1</v>
      </c>
    </row>
    <row r="975" spans="1:3" x14ac:dyDescent="0.35">
      <c r="A975" s="3" t="s">
        <v>176</v>
      </c>
      <c r="B975" s="3" t="s">
        <v>288</v>
      </c>
      <c r="C975" s="284">
        <v>1</v>
      </c>
    </row>
    <row r="976" spans="1:3" x14ac:dyDescent="0.35">
      <c r="A976" s="3" t="s">
        <v>751</v>
      </c>
      <c r="B976" s="3" t="s">
        <v>797</v>
      </c>
      <c r="C976" s="284">
        <v>1</v>
      </c>
    </row>
    <row r="977" spans="1:3" x14ac:dyDescent="0.35">
      <c r="A977" s="3" t="s">
        <v>2133</v>
      </c>
      <c r="B977" s="3" t="s">
        <v>2224</v>
      </c>
      <c r="C977" s="284">
        <v>1</v>
      </c>
    </row>
    <row r="978" spans="1:3" x14ac:dyDescent="0.35">
      <c r="A978" s="3" t="s">
        <v>904</v>
      </c>
      <c r="B978" s="3" t="s">
        <v>933</v>
      </c>
      <c r="C978" s="284">
        <v>1</v>
      </c>
    </row>
    <row r="979" spans="1:3" x14ac:dyDescent="0.35">
      <c r="A979" s="3" t="s">
        <v>948</v>
      </c>
      <c r="B979" s="3" t="s">
        <v>1002</v>
      </c>
      <c r="C979" s="284">
        <v>1</v>
      </c>
    </row>
    <row r="980" spans="1:3" x14ac:dyDescent="0.35">
      <c r="A980" s="3" t="s">
        <v>95</v>
      </c>
      <c r="B980" s="3" t="s">
        <v>424</v>
      </c>
      <c r="C980" s="284">
        <v>1</v>
      </c>
    </row>
    <row r="981" spans="1:3" x14ac:dyDescent="0.35">
      <c r="A981" s="3" t="s">
        <v>176</v>
      </c>
      <c r="B981" s="3" t="s">
        <v>289</v>
      </c>
      <c r="C981" s="284">
        <v>1</v>
      </c>
    </row>
    <row r="982" spans="1:3" x14ac:dyDescent="0.35">
      <c r="A982" s="3" t="s">
        <v>2133</v>
      </c>
      <c r="B982" s="3" t="s">
        <v>2225</v>
      </c>
      <c r="C982" s="284">
        <v>1</v>
      </c>
    </row>
    <row r="983" spans="1:3" x14ac:dyDescent="0.35">
      <c r="A983" s="3" t="s">
        <v>95</v>
      </c>
      <c r="B983" s="3" t="s">
        <v>389</v>
      </c>
      <c r="C983" s="284">
        <v>1</v>
      </c>
    </row>
    <row r="984" spans="1:3" x14ac:dyDescent="0.35">
      <c r="A984" s="3" t="s">
        <v>948</v>
      </c>
      <c r="B984" s="3" t="s">
        <v>1003</v>
      </c>
      <c r="C984" s="284">
        <v>1</v>
      </c>
    </row>
    <row r="985" spans="1:3" x14ac:dyDescent="0.35">
      <c r="A985" s="3" t="s">
        <v>512</v>
      </c>
      <c r="B985" s="3" t="s">
        <v>567</v>
      </c>
      <c r="C985" s="284">
        <v>1</v>
      </c>
    </row>
    <row r="986" spans="1:3" x14ac:dyDescent="0.35">
      <c r="A986" s="3" t="s">
        <v>293</v>
      </c>
      <c r="B986" s="3" t="s">
        <v>329</v>
      </c>
      <c r="C986" s="284">
        <v>1</v>
      </c>
    </row>
    <row r="987" spans="1:3" x14ac:dyDescent="0.35">
      <c r="A987" s="3" t="s">
        <v>293</v>
      </c>
      <c r="B987" s="3" t="s">
        <v>99</v>
      </c>
      <c r="C987" s="284">
        <v>1</v>
      </c>
    </row>
    <row r="988" spans="1:3" x14ac:dyDescent="0.35">
      <c r="A988" s="3" t="s">
        <v>84</v>
      </c>
      <c r="B988" s="3" t="s">
        <v>99</v>
      </c>
      <c r="C988" s="284">
        <v>1</v>
      </c>
    </row>
    <row r="989" spans="1:3" x14ac:dyDescent="0.35">
      <c r="A989" s="3" t="s">
        <v>1945</v>
      </c>
      <c r="B989" s="278" t="s">
        <v>99</v>
      </c>
      <c r="C989" s="284">
        <v>1.075</v>
      </c>
    </row>
    <row r="990" spans="1:3" x14ac:dyDescent="0.35">
      <c r="A990" s="3" t="s">
        <v>1744</v>
      </c>
      <c r="B990" s="3" t="s">
        <v>1762</v>
      </c>
      <c r="C990" s="284">
        <v>0.95899999999999996</v>
      </c>
    </row>
    <row r="991" spans="1:3" x14ac:dyDescent="0.35">
      <c r="A991" s="3" t="s">
        <v>948</v>
      </c>
      <c r="B991" s="3" t="s">
        <v>1004</v>
      </c>
      <c r="C991" s="284">
        <v>1</v>
      </c>
    </row>
    <row r="992" spans="1:3" x14ac:dyDescent="0.35">
      <c r="A992" s="3" t="s">
        <v>1744</v>
      </c>
      <c r="B992" s="3" t="s">
        <v>1794</v>
      </c>
      <c r="C992" s="284">
        <v>1</v>
      </c>
    </row>
    <row r="993" spans="1:3" x14ac:dyDescent="0.35">
      <c r="A993" s="3" t="s">
        <v>2029</v>
      </c>
      <c r="B993" s="3" t="s">
        <v>2077</v>
      </c>
      <c r="C993" s="284">
        <v>1</v>
      </c>
    </row>
    <row r="994" spans="1:3" x14ac:dyDescent="0.35">
      <c r="A994" s="3" t="s">
        <v>2029</v>
      </c>
      <c r="B994" s="3" t="s">
        <v>2078</v>
      </c>
      <c r="C994" s="284">
        <v>1</v>
      </c>
    </row>
    <row r="995" spans="1:3" x14ac:dyDescent="0.35">
      <c r="A995" s="3" t="s">
        <v>512</v>
      </c>
      <c r="B995" s="3" t="s">
        <v>568</v>
      </c>
      <c r="C995" s="284">
        <v>1</v>
      </c>
    </row>
    <row r="996" spans="1:3" x14ac:dyDescent="0.35">
      <c r="A996" s="3" t="s">
        <v>176</v>
      </c>
      <c r="B996" s="3" t="s">
        <v>228</v>
      </c>
      <c r="C996" s="284">
        <v>1</v>
      </c>
    </row>
    <row r="997" spans="1:3" x14ac:dyDescent="0.35">
      <c r="A997" s="3" t="s">
        <v>1812</v>
      </c>
      <c r="B997" s="3" t="s">
        <v>1834</v>
      </c>
      <c r="C997" s="284">
        <v>1</v>
      </c>
    </row>
    <row r="998" spans="1:3" x14ac:dyDescent="0.35">
      <c r="A998" s="3" t="s">
        <v>1515</v>
      </c>
      <c r="B998" s="3" t="s">
        <v>1602</v>
      </c>
      <c r="C998" s="284">
        <v>1</v>
      </c>
    </row>
    <row r="999" spans="1:3" x14ac:dyDescent="0.35">
      <c r="A999" s="3" t="s">
        <v>176</v>
      </c>
      <c r="B999" s="3" t="s">
        <v>229</v>
      </c>
      <c r="C999" s="284">
        <v>1.056</v>
      </c>
    </row>
    <row r="1000" spans="1:3" x14ac:dyDescent="0.35">
      <c r="A1000" s="3" t="s">
        <v>1880</v>
      </c>
      <c r="B1000" s="3" t="s">
        <v>229</v>
      </c>
      <c r="C1000" s="284">
        <v>1</v>
      </c>
    </row>
    <row r="1001" spans="1:3" x14ac:dyDescent="0.35">
      <c r="A1001" s="3" t="s">
        <v>1974</v>
      </c>
      <c r="B1001" s="3" t="s">
        <v>1991</v>
      </c>
      <c r="C1001" s="284">
        <v>1</v>
      </c>
    </row>
    <row r="1002" spans="1:3" x14ac:dyDescent="0.35">
      <c r="A1002" s="3" t="s">
        <v>101</v>
      </c>
      <c r="B1002" s="3" t="s">
        <v>866</v>
      </c>
      <c r="C1002" s="284">
        <v>1</v>
      </c>
    </row>
    <row r="1003" spans="1:3" x14ac:dyDescent="0.35">
      <c r="A1003" s="3" t="s">
        <v>1861</v>
      </c>
      <c r="B1003" s="3" t="s">
        <v>1875</v>
      </c>
      <c r="C1003" s="284">
        <v>1.056</v>
      </c>
    </row>
    <row r="1004" spans="1:3" x14ac:dyDescent="0.35">
      <c r="A1004" s="3" t="s">
        <v>948</v>
      </c>
      <c r="B1004" s="3" t="s">
        <v>1005</v>
      </c>
      <c r="C1004" s="284">
        <v>1</v>
      </c>
    </row>
    <row r="1005" spans="1:3" x14ac:dyDescent="0.35">
      <c r="A1005" s="3" t="s">
        <v>2133</v>
      </c>
      <c r="B1005" s="3" t="s">
        <v>2226</v>
      </c>
      <c r="C1005" s="284">
        <v>1</v>
      </c>
    </row>
    <row r="1006" spans="1:3" x14ac:dyDescent="0.35">
      <c r="A1006" s="3" t="s">
        <v>2133</v>
      </c>
      <c r="B1006" s="3" t="s">
        <v>2227</v>
      </c>
      <c r="C1006" s="284">
        <v>1</v>
      </c>
    </row>
    <row r="1007" spans="1:3" x14ac:dyDescent="0.35">
      <c r="A1007" s="3" t="s">
        <v>2133</v>
      </c>
      <c r="B1007" s="3" t="s">
        <v>2228</v>
      </c>
      <c r="C1007" s="284">
        <v>1</v>
      </c>
    </row>
    <row r="1008" spans="1:3" x14ac:dyDescent="0.35">
      <c r="A1008" s="3" t="s">
        <v>631</v>
      </c>
      <c r="B1008" s="3" t="s">
        <v>684</v>
      </c>
      <c r="C1008" s="284">
        <v>1</v>
      </c>
    </row>
    <row r="1009" spans="1:3" x14ac:dyDescent="0.35">
      <c r="A1009" s="3" t="s">
        <v>904</v>
      </c>
      <c r="B1009" s="3" t="s">
        <v>684</v>
      </c>
      <c r="C1009" s="284">
        <v>1</v>
      </c>
    </row>
    <row r="1010" spans="1:3" x14ac:dyDescent="0.35">
      <c r="A1010" s="3" t="s">
        <v>1812</v>
      </c>
      <c r="B1010" s="3" t="s">
        <v>684</v>
      </c>
      <c r="C1010" s="284">
        <v>1</v>
      </c>
    </row>
    <row r="1011" spans="1:3" x14ac:dyDescent="0.35">
      <c r="A1011" s="3" t="s">
        <v>1945</v>
      </c>
      <c r="B1011" s="3" t="s">
        <v>1959</v>
      </c>
      <c r="C1011" s="284">
        <v>1</v>
      </c>
    </row>
    <row r="1012" spans="1:3" x14ac:dyDescent="0.35">
      <c r="A1012" s="3" t="s">
        <v>293</v>
      </c>
      <c r="B1012" s="3" t="s">
        <v>330</v>
      </c>
      <c r="C1012" s="284">
        <v>1</v>
      </c>
    </row>
    <row r="1013" spans="1:3" x14ac:dyDescent="0.35">
      <c r="A1013" s="3" t="s">
        <v>2029</v>
      </c>
      <c r="B1013" s="278" t="s">
        <v>2079</v>
      </c>
      <c r="C1013" s="284">
        <v>1.0089999999999999</v>
      </c>
    </row>
    <row r="1014" spans="1:3" x14ac:dyDescent="0.35">
      <c r="A1014" s="3" t="s">
        <v>948</v>
      </c>
      <c r="B1014" s="3" t="s">
        <v>985</v>
      </c>
      <c r="C1014" s="284">
        <v>1</v>
      </c>
    </row>
    <row r="1015" spans="1:3" x14ac:dyDescent="0.35">
      <c r="A1015" s="3" t="s">
        <v>176</v>
      </c>
      <c r="B1015" s="3" t="s">
        <v>230</v>
      </c>
      <c r="C1015" s="284">
        <v>1</v>
      </c>
    </row>
    <row r="1016" spans="1:3" x14ac:dyDescent="0.35">
      <c r="A1016" s="3" t="s">
        <v>54</v>
      </c>
      <c r="B1016" s="3" t="s">
        <v>463</v>
      </c>
      <c r="C1016" s="284">
        <v>1</v>
      </c>
    </row>
    <row r="1017" spans="1:3" x14ac:dyDescent="0.35">
      <c r="A1017" s="3" t="s">
        <v>631</v>
      </c>
      <c r="B1017" s="3" t="s">
        <v>463</v>
      </c>
      <c r="C1017" s="284">
        <v>1</v>
      </c>
    </row>
    <row r="1018" spans="1:3" x14ac:dyDescent="0.35">
      <c r="A1018" s="3" t="s">
        <v>95</v>
      </c>
      <c r="B1018" s="3" t="s">
        <v>390</v>
      </c>
      <c r="C1018" s="284">
        <v>1</v>
      </c>
    </row>
    <row r="1019" spans="1:3" x14ac:dyDescent="0.35">
      <c r="A1019" s="3" t="s">
        <v>54</v>
      </c>
      <c r="B1019" s="3" t="s">
        <v>465</v>
      </c>
      <c r="C1019" s="284">
        <v>1</v>
      </c>
    </row>
    <row r="1020" spans="1:3" x14ac:dyDescent="0.35">
      <c r="A1020" s="3" t="s">
        <v>13</v>
      </c>
      <c r="B1020" s="3" t="s">
        <v>15</v>
      </c>
      <c r="C1020" s="284">
        <v>1.135</v>
      </c>
    </row>
    <row r="1021" spans="1:3" x14ac:dyDescent="0.35">
      <c r="A1021" s="3" t="s">
        <v>631</v>
      </c>
      <c r="B1021" s="3" t="s">
        <v>685</v>
      </c>
      <c r="C1021" s="284">
        <v>1</v>
      </c>
    </row>
    <row r="1022" spans="1:3" x14ac:dyDescent="0.35">
      <c r="A1022" s="3" t="s">
        <v>1744</v>
      </c>
      <c r="B1022" s="3" t="s">
        <v>1763</v>
      </c>
      <c r="C1022" s="284">
        <v>1</v>
      </c>
    </row>
    <row r="1023" spans="1:3" x14ac:dyDescent="0.35">
      <c r="A1023" s="3" t="s">
        <v>512</v>
      </c>
      <c r="B1023" s="3" t="s">
        <v>569</v>
      </c>
      <c r="C1023" s="284">
        <v>1</v>
      </c>
    </row>
    <row r="1024" spans="1:3" x14ac:dyDescent="0.35">
      <c r="A1024" s="3" t="s">
        <v>45</v>
      </c>
      <c r="B1024" s="3" t="s">
        <v>58</v>
      </c>
      <c r="C1024" s="284">
        <v>1</v>
      </c>
    </row>
    <row r="1025" spans="1:3" x14ac:dyDescent="0.35">
      <c r="A1025" s="3" t="s">
        <v>1812</v>
      </c>
      <c r="B1025" s="3" t="s">
        <v>1835</v>
      </c>
      <c r="C1025" s="284">
        <v>1</v>
      </c>
    </row>
    <row r="1026" spans="1:3" x14ac:dyDescent="0.35">
      <c r="A1026" s="3" t="s">
        <v>512</v>
      </c>
      <c r="B1026" s="3" t="s">
        <v>570</v>
      </c>
      <c r="C1026" s="284">
        <v>1</v>
      </c>
    </row>
    <row r="1027" spans="1:3" x14ac:dyDescent="0.35">
      <c r="A1027" s="3" t="s">
        <v>101</v>
      </c>
      <c r="B1027" s="3" t="s">
        <v>867</v>
      </c>
      <c r="C1027" s="284">
        <v>1</v>
      </c>
    </row>
    <row r="1028" spans="1:3" x14ac:dyDescent="0.35">
      <c r="A1028" s="3" t="s">
        <v>2133</v>
      </c>
      <c r="B1028" s="3" t="s">
        <v>2229</v>
      </c>
      <c r="C1028" s="284">
        <v>1</v>
      </c>
    </row>
    <row r="1029" spans="1:3" x14ac:dyDescent="0.35">
      <c r="A1029" s="3" t="s">
        <v>948</v>
      </c>
      <c r="B1029" s="3" t="s">
        <v>1006</v>
      </c>
      <c r="C1029" s="284">
        <v>1</v>
      </c>
    </row>
    <row r="1030" spans="1:3" x14ac:dyDescent="0.35">
      <c r="A1030" s="3" t="s">
        <v>1945</v>
      </c>
      <c r="B1030" s="3" t="s">
        <v>1960</v>
      </c>
      <c r="C1030" s="284">
        <v>1</v>
      </c>
    </row>
    <row r="1031" spans="1:3" x14ac:dyDescent="0.35">
      <c r="A1031" s="3" t="s">
        <v>904</v>
      </c>
      <c r="B1031" s="3" t="s">
        <v>934</v>
      </c>
      <c r="C1031" s="284">
        <v>1</v>
      </c>
    </row>
    <row r="1032" spans="1:3" x14ac:dyDescent="0.35">
      <c r="A1032" s="3" t="s">
        <v>1945</v>
      </c>
      <c r="B1032" s="278" t="s">
        <v>2728</v>
      </c>
      <c r="C1032" s="284">
        <v>1.071</v>
      </c>
    </row>
    <row r="1033" spans="1:3" x14ac:dyDescent="0.35">
      <c r="A1033" s="3" t="s">
        <v>1812</v>
      </c>
      <c r="B1033" s="3" t="s">
        <v>1836</v>
      </c>
      <c r="C1033" s="284">
        <v>1</v>
      </c>
    </row>
    <row r="1034" spans="1:3" x14ac:dyDescent="0.35">
      <c r="A1034" s="3" t="s">
        <v>2323</v>
      </c>
      <c r="B1034" s="3" t="s">
        <v>131</v>
      </c>
      <c r="C1034" s="284">
        <v>1</v>
      </c>
    </row>
    <row r="1035" spans="1:3" x14ac:dyDescent="0.35">
      <c r="A1035" s="3" t="s">
        <v>2323</v>
      </c>
      <c r="B1035" s="3" t="s">
        <v>126</v>
      </c>
      <c r="C1035" s="284">
        <v>1</v>
      </c>
    </row>
    <row r="1036" spans="1:3" x14ac:dyDescent="0.35">
      <c r="A1036" s="3" t="s">
        <v>904</v>
      </c>
      <c r="B1036" s="3" t="s">
        <v>935</v>
      </c>
      <c r="C1036" s="284">
        <v>1</v>
      </c>
    </row>
    <row r="1037" spans="1:3" x14ac:dyDescent="0.35">
      <c r="A1037" s="3" t="s">
        <v>36</v>
      </c>
      <c r="B1037" s="3" t="s">
        <v>43</v>
      </c>
      <c r="C1037" s="284">
        <v>1</v>
      </c>
    </row>
    <row r="1038" spans="1:3" x14ac:dyDescent="0.35">
      <c r="A1038" s="3" t="s">
        <v>2133</v>
      </c>
      <c r="B1038" s="278" t="s">
        <v>43</v>
      </c>
      <c r="C1038" s="284">
        <v>0.94499999999999995</v>
      </c>
    </row>
    <row r="1039" spans="1:3" x14ac:dyDescent="0.35">
      <c r="A1039" s="3" t="s">
        <v>54</v>
      </c>
      <c r="B1039" s="3" t="s">
        <v>479</v>
      </c>
      <c r="C1039" s="284">
        <v>1</v>
      </c>
    </row>
    <row r="1040" spans="1:3" x14ac:dyDescent="0.35">
      <c r="A1040" s="3" t="s">
        <v>54</v>
      </c>
      <c r="B1040" s="3" t="s">
        <v>466</v>
      </c>
      <c r="C1040" s="284">
        <v>1</v>
      </c>
    </row>
    <row r="1041" spans="1:3" x14ac:dyDescent="0.35">
      <c r="A1041" s="3" t="s">
        <v>54</v>
      </c>
      <c r="B1041" s="3" t="s">
        <v>467</v>
      </c>
      <c r="C1041" s="284">
        <v>1</v>
      </c>
    </row>
    <row r="1042" spans="1:3" x14ac:dyDescent="0.35">
      <c r="A1042" s="3" t="s">
        <v>1945</v>
      </c>
      <c r="B1042" s="3" t="s">
        <v>1961</v>
      </c>
      <c r="C1042" s="284">
        <v>1</v>
      </c>
    </row>
    <row r="1043" spans="1:3" x14ac:dyDescent="0.35">
      <c r="A1043" s="3" t="s">
        <v>2133</v>
      </c>
      <c r="B1043" s="3" t="s">
        <v>2231</v>
      </c>
      <c r="C1043" s="284">
        <v>1</v>
      </c>
    </row>
    <row r="1044" spans="1:3" x14ac:dyDescent="0.35">
      <c r="A1044" s="3" t="s">
        <v>176</v>
      </c>
      <c r="B1044" s="3" t="s">
        <v>231</v>
      </c>
      <c r="C1044" s="284">
        <v>1</v>
      </c>
    </row>
    <row r="1045" spans="1:3" x14ac:dyDescent="0.35">
      <c r="A1045" s="3" t="s">
        <v>948</v>
      </c>
      <c r="B1045" s="3" t="s">
        <v>1007</v>
      </c>
      <c r="C1045" s="284">
        <v>1</v>
      </c>
    </row>
    <row r="1046" spans="1:3" x14ac:dyDescent="0.35">
      <c r="A1046" s="3" t="s">
        <v>54</v>
      </c>
      <c r="B1046" s="3" t="s">
        <v>469</v>
      </c>
      <c r="C1046" s="284">
        <v>1</v>
      </c>
    </row>
    <row r="1047" spans="1:3" x14ac:dyDescent="0.35">
      <c r="A1047" s="3" t="s">
        <v>1515</v>
      </c>
      <c r="B1047" s="3" t="s">
        <v>1603</v>
      </c>
      <c r="C1047" s="284">
        <v>1</v>
      </c>
    </row>
    <row r="1048" spans="1:3" x14ac:dyDescent="0.35">
      <c r="A1048" s="3" t="s">
        <v>2133</v>
      </c>
      <c r="B1048" s="3" t="s">
        <v>2232</v>
      </c>
      <c r="C1048" s="284">
        <v>1</v>
      </c>
    </row>
    <row r="1049" spans="1:3" x14ac:dyDescent="0.35">
      <c r="A1049" s="3" t="s">
        <v>512</v>
      </c>
      <c r="B1049" s="3" t="s">
        <v>571</v>
      </c>
      <c r="C1049" s="284">
        <v>1</v>
      </c>
    </row>
    <row r="1050" spans="1:3" x14ac:dyDescent="0.35">
      <c r="A1050" s="3" t="s">
        <v>95</v>
      </c>
      <c r="B1050" s="3" t="s">
        <v>391</v>
      </c>
      <c r="C1050" s="284">
        <v>1</v>
      </c>
    </row>
    <row r="1051" spans="1:3" x14ac:dyDescent="0.35">
      <c r="A1051" s="3" t="s">
        <v>2029</v>
      </c>
      <c r="B1051" s="3" t="s">
        <v>2080</v>
      </c>
      <c r="C1051" s="284">
        <v>1</v>
      </c>
    </row>
    <row r="1052" spans="1:3" x14ac:dyDescent="0.35">
      <c r="A1052" s="3" t="s">
        <v>1861</v>
      </c>
      <c r="B1052" s="3" t="s">
        <v>1876</v>
      </c>
      <c r="C1052" s="284">
        <v>1</v>
      </c>
    </row>
    <row r="1053" spans="1:3" x14ac:dyDescent="0.35">
      <c r="A1053" s="3" t="s">
        <v>1744</v>
      </c>
      <c r="B1053" s="3" t="s">
        <v>1764</v>
      </c>
      <c r="C1053" s="284">
        <v>1</v>
      </c>
    </row>
    <row r="1054" spans="1:3" x14ac:dyDescent="0.35">
      <c r="A1054" s="3" t="s">
        <v>1880</v>
      </c>
      <c r="B1054" s="3" t="s">
        <v>1764</v>
      </c>
      <c r="C1054" s="284">
        <v>1</v>
      </c>
    </row>
    <row r="1055" spans="1:3" x14ac:dyDescent="0.35">
      <c r="A1055" s="3" t="s">
        <v>54</v>
      </c>
      <c r="B1055" s="3" t="s">
        <v>470</v>
      </c>
      <c r="C1055" s="284">
        <v>1</v>
      </c>
    </row>
    <row r="1056" spans="1:3" x14ac:dyDescent="0.35">
      <c r="A1056" s="3" t="s">
        <v>1515</v>
      </c>
      <c r="B1056" s="3" t="s">
        <v>1604</v>
      </c>
      <c r="C1056" s="284">
        <v>1</v>
      </c>
    </row>
    <row r="1057" spans="1:3" x14ac:dyDescent="0.35">
      <c r="A1057" s="3" t="s">
        <v>2133</v>
      </c>
      <c r="B1057" s="3" t="s">
        <v>2233</v>
      </c>
      <c r="C1057" s="284">
        <v>1</v>
      </c>
    </row>
    <row r="1058" spans="1:3" x14ac:dyDescent="0.35">
      <c r="A1058" s="3" t="s">
        <v>1812</v>
      </c>
      <c r="B1058" s="3" t="s">
        <v>1837</v>
      </c>
      <c r="C1058" s="284">
        <v>1</v>
      </c>
    </row>
    <row r="1059" spans="1:3" x14ac:dyDescent="0.35">
      <c r="A1059" s="3" t="s">
        <v>84</v>
      </c>
      <c r="B1059" s="3" t="s">
        <v>100</v>
      </c>
      <c r="C1059" s="284">
        <v>0.92400000000000004</v>
      </c>
    </row>
    <row r="1060" spans="1:3" x14ac:dyDescent="0.35">
      <c r="A1060" s="3" t="s">
        <v>948</v>
      </c>
      <c r="B1060" s="3" t="s">
        <v>1008</v>
      </c>
      <c r="C1060" s="284">
        <v>1</v>
      </c>
    </row>
    <row r="1061" spans="1:3" x14ac:dyDescent="0.35">
      <c r="A1061" s="3" t="s">
        <v>1812</v>
      </c>
      <c r="B1061" s="3" t="s">
        <v>1838</v>
      </c>
      <c r="C1061" s="284">
        <v>1</v>
      </c>
    </row>
    <row r="1062" spans="1:3" x14ac:dyDescent="0.35">
      <c r="A1062" s="3" t="s">
        <v>176</v>
      </c>
      <c r="B1062" s="3" t="s">
        <v>290</v>
      </c>
      <c r="C1062" s="284">
        <v>1</v>
      </c>
    </row>
    <row r="1063" spans="1:3" x14ac:dyDescent="0.35">
      <c r="A1063" s="3" t="s">
        <v>904</v>
      </c>
      <c r="B1063" s="278" t="s">
        <v>936</v>
      </c>
      <c r="C1063" s="284">
        <v>0.95499999999999996</v>
      </c>
    </row>
    <row r="1064" spans="1:3" x14ac:dyDescent="0.35">
      <c r="A1064" s="3" t="s">
        <v>904</v>
      </c>
      <c r="B1064" s="278" t="s">
        <v>937</v>
      </c>
      <c r="C1064" s="284">
        <v>1.054</v>
      </c>
    </row>
    <row r="1065" spans="1:3" x14ac:dyDescent="0.35">
      <c r="A1065" s="3" t="s">
        <v>751</v>
      </c>
      <c r="B1065" s="3" t="s">
        <v>799</v>
      </c>
      <c r="C1065" s="284">
        <v>0.91300000000000003</v>
      </c>
    </row>
    <row r="1066" spans="1:3" x14ac:dyDescent="0.35">
      <c r="A1066" s="3" t="s">
        <v>293</v>
      </c>
      <c r="B1066" s="3" t="s">
        <v>101</v>
      </c>
      <c r="C1066" s="284">
        <v>1</v>
      </c>
    </row>
    <row r="1067" spans="1:3" x14ac:dyDescent="0.35">
      <c r="A1067" s="3" t="s">
        <v>84</v>
      </c>
      <c r="B1067" s="3" t="s">
        <v>101</v>
      </c>
      <c r="C1067" s="284">
        <v>1</v>
      </c>
    </row>
    <row r="1068" spans="1:3" x14ac:dyDescent="0.35">
      <c r="A1068" s="3" t="s">
        <v>631</v>
      </c>
      <c r="B1068" s="3" t="s">
        <v>101</v>
      </c>
      <c r="C1068" s="284">
        <v>1</v>
      </c>
    </row>
    <row r="1069" spans="1:3" x14ac:dyDescent="0.35">
      <c r="A1069" s="3" t="s">
        <v>751</v>
      </c>
      <c r="B1069" s="3" t="s">
        <v>101</v>
      </c>
      <c r="C1069" s="284">
        <v>1</v>
      </c>
    </row>
    <row r="1070" spans="1:3" x14ac:dyDescent="0.35">
      <c r="A1070" s="3" t="s">
        <v>1812</v>
      </c>
      <c r="B1070" s="3" t="s">
        <v>101</v>
      </c>
      <c r="C1070" s="284">
        <v>1</v>
      </c>
    </row>
    <row r="1071" spans="1:3" x14ac:dyDescent="0.35">
      <c r="A1071" s="3" t="s">
        <v>293</v>
      </c>
      <c r="B1071" s="3" t="s">
        <v>331</v>
      </c>
      <c r="C1071" s="284">
        <v>1</v>
      </c>
    </row>
    <row r="1072" spans="1:3" x14ac:dyDescent="0.35">
      <c r="A1072" s="3" t="s">
        <v>133</v>
      </c>
      <c r="B1072" s="3" t="s">
        <v>152</v>
      </c>
      <c r="C1072" s="284">
        <v>0.96799999999999997</v>
      </c>
    </row>
    <row r="1073" spans="1:3" x14ac:dyDescent="0.35">
      <c r="A1073" s="3" t="s">
        <v>176</v>
      </c>
      <c r="B1073" s="3" t="s">
        <v>232</v>
      </c>
      <c r="C1073" s="284">
        <v>1</v>
      </c>
    </row>
    <row r="1074" spans="1:3" x14ac:dyDescent="0.35">
      <c r="A1074" s="3" t="s">
        <v>2029</v>
      </c>
      <c r="B1074" s="3" t="s">
        <v>2081</v>
      </c>
      <c r="C1074" s="284">
        <v>1</v>
      </c>
    </row>
    <row r="1075" spans="1:3" x14ac:dyDescent="0.35">
      <c r="A1075" s="3" t="s">
        <v>1812</v>
      </c>
      <c r="B1075" s="3" t="s">
        <v>1839</v>
      </c>
      <c r="C1075" s="284">
        <v>1</v>
      </c>
    </row>
    <row r="1076" spans="1:3" x14ac:dyDescent="0.35">
      <c r="A1076" s="3" t="s">
        <v>751</v>
      </c>
      <c r="B1076" s="3" t="s">
        <v>800</v>
      </c>
      <c r="C1076" s="284">
        <v>1</v>
      </c>
    </row>
    <row r="1077" spans="1:3" x14ac:dyDescent="0.35">
      <c r="A1077" s="3" t="s">
        <v>19</v>
      </c>
      <c r="B1077" s="3" t="s">
        <v>21</v>
      </c>
      <c r="C1077" s="284">
        <v>1</v>
      </c>
    </row>
    <row r="1078" spans="1:3" x14ac:dyDescent="0.35">
      <c r="A1078" s="3" t="s">
        <v>2029</v>
      </c>
      <c r="B1078" s="3" t="s">
        <v>2082</v>
      </c>
      <c r="C1078" s="284">
        <v>1</v>
      </c>
    </row>
    <row r="1079" spans="1:3" x14ac:dyDescent="0.35">
      <c r="A1079" s="3" t="s">
        <v>1974</v>
      </c>
      <c r="B1079" s="3" t="s">
        <v>1985</v>
      </c>
      <c r="C1079" s="284">
        <v>1</v>
      </c>
    </row>
    <row r="1080" spans="1:3" x14ac:dyDescent="0.35">
      <c r="A1080" s="3" t="s">
        <v>2029</v>
      </c>
      <c r="B1080" s="3" t="s">
        <v>2083</v>
      </c>
      <c r="C1080" s="284">
        <v>1</v>
      </c>
    </row>
    <row r="1081" spans="1:3" x14ac:dyDescent="0.35">
      <c r="A1081" s="3" t="s">
        <v>84</v>
      </c>
      <c r="B1081" s="3" t="s">
        <v>102</v>
      </c>
      <c r="C1081" s="284">
        <v>1.0169999999999999</v>
      </c>
    </row>
    <row r="1082" spans="1:3" x14ac:dyDescent="0.35">
      <c r="A1082" s="3" t="s">
        <v>1796</v>
      </c>
      <c r="B1082" s="3" t="s">
        <v>1807</v>
      </c>
      <c r="C1082" s="284">
        <v>1</v>
      </c>
    </row>
    <row r="1083" spans="1:3" x14ac:dyDescent="0.35">
      <c r="A1083" s="3" t="s">
        <v>1880</v>
      </c>
      <c r="B1083" s="3" t="s">
        <v>1916</v>
      </c>
      <c r="C1083" s="284">
        <v>1</v>
      </c>
    </row>
    <row r="1084" spans="1:3" x14ac:dyDescent="0.35">
      <c r="A1084" s="3" t="s">
        <v>1880</v>
      </c>
      <c r="B1084" s="3" t="s">
        <v>1917</v>
      </c>
      <c r="C1084" s="284">
        <v>1</v>
      </c>
    </row>
    <row r="1085" spans="1:3" x14ac:dyDescent="0.35">
      <c r="A1085" s="3" t="s">
        <v>1880</v>
      </c>
      <c r="B1085" s="3" t="s">
        <v>1918</v>
      </c>
      <c r="C1085" s="284">
        <v>1</v>
      </c>
    </row>
    <row r="1086" spans="1:3" x14ac:dyDescent="0.35">
      <c r="A1086" s="3" t="s">
        <v>84</v>
      </c>
      <c r="B1086" s="3" t="s">
        <v>103</v>
      </c>
      <c r="C1086" s="284">
        <v>1</v>
      </c>
    </row>
    <row r="1087" spans="1:3" x14ac:dyDescent="0.35">
      <c r="A1087" s="3" t="s">
        <v>751</v>
      </c>
      <c r="B1087" s="3" t="s">
        <v>801</v>
      </c>
      <c r="C1087" s="284">
        <v>1</v>
      </c>
    </row>
    <row r="1088" spans="1:3" x14ac:dyDescent="0.35">
      <c r="A1088" s="3" t="s">
        <v>293</v>
      </c>
      <c r="B1088" s="3" t="s">
        <v>332</v>
      </c>
      <c r="C1088" s="284">
        <v>1</v>
      </c>
    </row>
    <row r="1089" spans="1:3" x14ac:dyDescent="0.35">
      <c r="A1089" s="3" t="s">
        <v>1974</v>
      </c>
      <c r="B1089" s="3" t="s">
        <v>1995</v>
      </c>
      <c r="C1089" s="284">
        <v>1</v>
      </c>
    </row>
    <row r="1090" spans="1:3" x14ac:dyDescent="0.35">
      <c r="A1090" s="3" t="s">
        <v>2133</v>
      </c>
      <c r="B1090" s="3" t="s">
        <v>2316</v>
      </c>
      <c r="C1090" s="284">
        <v>1</v>
      </c>
    </row>
    <row r="1091" spans="1:3" x14ac:dyDescent="0.35">
      <c r="A1091" s="3" t="s">
        <v>2133</v>
      </c>
      <c r="B1091" s="3" t="s">
        <v>2234</v>
      </c>
      <c r="C1091" s="284">
        <v>1</v>
      </c>
    </row>
    <row r="1092" spans="1:3" x14ac:dyDescent="0.35">
      <c r="A1092" s="3" t="s">
        <v>2133</v>
      </c>
      <c r="B1092" s="3" t="s">
        <v>2235</v>
      </c>
      <c r="C1092" s="284">
        <v>1</v>
      </c>
    </row>
    <row r="1093" spans="1:3" x14ac:dyDescent="0.35">
      <c r="A1093" s="3" t="s">
        <v>2133</v>
      </c>
      <c r="B1093" s="3" t="s">
        <v>2143</v>
      </c>
      <c r="C1093" s="284">
        <v>1</v>
      </c>
    </row>
    <row r="1094" spans="1:3" x14ac:dyDescent="0.35">
      <c r="A1094" s="3" t="s">
        <v>948</v>
      </c>
      <c r="B1094" s="3" t="s">
        <v>1009</v>
      </c>
      <c r="C1094" s="284">
        <v>1</v>
      </c>
    </row>
    <row r="1095" spans="1:3" x14ac:dyDescent="0.35">
      <c r="A1095" s="3" t="s">
        <v>1974</v>
      </c>
      <c r="B1095" s="3" t="s">
        <v>1997</v>
      </c>
      <c r="C1095" s="284">
        <v>1</v>
      </c>
    </row>
    <row r="1096" spans="1:3" x14ac:dyDescent="0.35">
      <c r="A1096" s="3" t="s">
        <v>631</v>
      </c>
      <c r="B1096" s="3" t="s">
        <v>686</v>
      </c>
      <c r="C1096" s="284">
        <v>1</v>
      </c>
    </row>
    <row r="1097" spans="1:3" x14ac:dyDescent="0.35">
      <c r="A1097" s="3" t="s">
        <v>1515</v>
      </c>
      <c r="B1097" s="3" t="s">
        <v>1606</v>
      </c>
      <c r="C1097" s="284">
        <v>1</v>
      </c>
    </row>
    <row r="1098" spans="1:3" x14ac:dyDescent="0.35">
      <c r="A1098" s="3" t="s">
        <v>2133</v>
      </c>
      <c r="B1098" s="3" t="s">
        <v>2236</v>
      </c>
      <c r="C1098" s="284">
        <v>1</v>
      </c>
    </row>
    <row r="1099" spans="1:3" x14ac:dyDescent="0.35">
      <c r="A1099" s="3" t="s">
        <v>1515</v>
      </c>
      <c r="B1099" s="3" t="s">
        <v>1607</v>
      </c>
      <c r="C1099" s="284">
        <v>1</v>
      </c>
    </row>
    <row r="1100" spans="1:3" x14ac:dyDescent="0.35">
      <c r="A1100" s="3" t="s">
        <v>84</v>
      </c>
      <c r="B1100" s="3" t="s">
        <v>104</v>
      </c>
      <c r="C1100" s="284">
        <v>1</v>
      </c>
    </row>
    <row r="1101" spans="1:3" x14ac:dyDescent="0.35">
      <c r="A1101" s="3" t="s">
        <v>1880</v>
      </c>
      <c r="B1101" s="278" t="s">
        <v>1919</v>
      </c>
      <c r="C1101" s="284">
        <v>1.014</v>
      </c>
    </row>
    <row r="1102" spans="1:3" x14ac:dyDescent="0.35">
      <c r="A1102" s="3" t="s">
        <v>1861</v>
      </c>
      <c r="B1102" s="3" t="s">
        <v>1879</v>
      </c>
      <c r="C1102" s="284">
        <v>1</v>
      </c>
    </row>
    <row r="1103" spans="1:3" x14ac:dyDescent="0.35">
      <c r="A1103" s="3" t="s">
        <v>948</v>
      </c>
      <c r="B1103" s="3" t="s">
        <v>1010</v>
      </c>
      <c r="C1103" s="284">
        <v>1</v>
      </c>
    </row>
    <row r="1104" spans="1:3" x14ac:dyDescent="0.35">
      <c r="A1104" s="3" t="s">
        <v>45</v>
      </c>
      <c r="B1104" s="3" t="s">
        <v>59</v>
      </c>
      <c r="C1104" s="284">
        <v>1</v>
      </c>
    </row>
    <row r="1105" spans="1:3" x14ac:dyDescent="0.35">
      <c r="A1105" s="3" t="s">
        <v>1515</v>
      </c>
      <c r="B1105" s="3" t="s">
        <v>1608</v>
      </c>
      <c r="C1105" s="284">
        <v>1</v>
      </c>
    </row>
    <row r="1106" spans="1:3" x14ac:dyDescent="0.35">
      <c r="A1106" s="3" t="s">
        <v>948</v>
      </c>
      <c r="B1106" s="3" t="s">
        <v>1011</v>
      </c>
      <c r="C1106" s="284">
        <v>1</v>
      </c>
    </row>
    <row r="1107" spans="1:3" x14ac:dyDescent="0.35">
      <c r="A1107" s="3" t="s">
        <v>631</v>
      </c>
      <c r="B1107" s="3" t="s">
        <v>688</v>
      </c>
      <c r="C1107" s="284">
        <v>1</v>
      </c>
    </row>
    <row r="1108" spans="1:3" x14ac:dyDescent="0.35">
      <c r="A1108" s="3" t="s">
        <v>631</v>
      </c>
      <c r="B1108" s="3" t="s">
        <v>687</v>
      </c>
      <c r="C1108" s="284">
        <v>1</v>
      </c>
    </row>
    <row r="1109" spans="1:3" x14ac:dyDescent="0.35">
      <c r="A1109" s="3" t="s">
        <v>1515</v>
      </c>
      <c r="B1109" s="3" t="s">
        <v>1609</v>
      </c>
      <c r="C1109" s="284">
        <v>1</v>
      </c>
    </row>
    <row r="1110" spans="1:3" x14ac:dyDescent="0.35">
      <c r="A1110" s="3" t="s">
        <v>54</v>
      </c>
      <c r="B1110" s="3" t="s">
        <v>471</v>
      </c>
      <c r="C1110" s="284">
        <v>1</v>
      </c>
    </row>
    <row r="1111" spans="1:3" x14ac:dyDescent="0.35">
      <c r="A1111" s="3" t="s">
        <v>631</v>
      </c>
      <c r="B1111" s="3" t="s">
        <v>689</v>
      </c>
      <c r="C1111" s="284">
        <v>1</v>
      </c>
    </row>
    <row r="1112" spans="1:3" x14ac:dyDescent="0.35">
      <c r="A1112" s="3" t="s">
        <v>176</v>
      </c>
      <c r="B1112" s="3" t="s">
        <v>233</v>
      </c>
      <c r="C1112" s="284">
        <v>1</v>
      </c>
    </row>
    <row r="1113" spans="1:3" x14ac:dyDescent="0.35">
      <c r="A1113" s="3" t="s">
        <v>1812</v>
      </c>
      <c r="B1113" s="3" t="s">
        <v>1840</v>
      </c>
      <c r="C1113" s="284">
        <v>1</v>
      </c>
    </row>
    <row r="1114" spans="1:3" x14ac:dyDescent="0.35">
      <c r="A1114" s="3" t="s">
        <v>751</v>
      </c>
      <c r="B1114" s="3" t="s">
        <v>802</v>
      </c>
      <c r="C1114" s="284">
        <v>1</v>
      </c>
    </row>
    <row r="1115" spans="1:3" x14ac:dyDescent="0.35">
      <c r="A1115" s="3" t="s">
        <v>1880</v>
      </c>
      <c r="B1115" s="278" t="s">
        <v>1920</v>
      </c>
      <c r="C1115" s="284">
        <v>1.1100000000000001</v>
      </c>
    </row>
    <row r="1116" spans="1:3" x14ac:dyDescent="0.35">
      <c r="A1116" s="3" t="s">
        <v>2133</v>
      </c>
      <c r="B1116" s="3" t="s">
        <v>1920</v>
      </c>
      <c r="C1116" s="284">
        <v>1</v>
      </c>
    </row>
    <row r="1117" spans="1:3" x14ac:dyDescent="0.35">
      <c r="A1117" s="3" t="s">
        <v>45</v>
      </c>
      <c r="B1117" s="3" t="s">
        <v>60</v>
      </c>
      <c r="C1117" s="284">
        <v>1</v>
      </c>
    </row>
    <row r="1118" spans="1:3" x14ac:dyDescent="0.35">
      <c r="A1118" s="3" t="s">
        <v>293</v>
      </c>
      <c r="B1118" s="3" t="s">
        <v>333</v>
      </c>
      <c r="C1118" s="284">
        <v>1</v>
      </c>
    </row>
    <row r="1119" spans="1:3" x14ac:dyDescent="0.35">
      <c r="A1119" s="3" t="s">
        <v>54</v>
      </c>
      <c r="B1119" s="3" t="s">
        <v>472</v>
      </c>
      <c r="C1119" s="284">
        <v>1</v>
      </c>
    </row>
    <row r="1120" spans="1:3" x14ac:dyDescent="0.35">
      <c r="A1120" s="3" t="s">
        <v>631</v>
      </c>
      <c r="B1120" s="3" t="s">
        <v>690</v>
      </c>
      <c r="C1120" s="284">
        <v>1</v>
      </c>
    </row>
    <row r="1121" spans="1:3" x14ac:dyDescent="0.35">
      <c r="A1121" s="3" t="s">
        <v>1515</v>
      </c>
      <c r="B1121" s="3" t="s">
        <v>1610</v>
      </c>
      <c r="C1121" s="284">
        <v>1</v>
      </c>
    </row>
    <row r="1122" spans="1:3" x14ac:dyDescent="0.35">
      <c r="A1122" s="3" t="s">
        <v>1812</v>
      </c>
      <c r="B1122" s="3" t="s">
        <v>2334</v>
      </c>
      <c r="C1122" s="284">
        <v>1</v>
      </c>
    </row>
    <row r="1123" spans="1:3" x14ac:dyDescent="0.35">
      <c r="A1123" s="3" t="s">
        <v>293</v>
      </c>
      <c r="B1123" s="3" t="s">
        <v>334</v>
      </c>
      <c r="C1123" s="284">
        <v>1</v>
      </c>
    </row>
    <row r="1124" spans="1:3" x14ac:dyDescent="0.35">
      <c r="A1124" s="3" t="s">
        <v>45</v>
      </c>
      <c r="B1124" s="3" t="s">
        <v>83</v>
      </c>
      <c r="C1124" s="284">
        <v>1</v>
      </c>
    </row>
    <row r="1125" spans="1:3" x14ac:dyDescent="0.35">
      <c r="A1125" s="3" t="s">
        <v>1945</v>
      </c>
      <c r="B1125" s="278" t="s">
        <v>1962</v>
      </c>
      <c r="C1125" s="284">
        <v>1.1180000000000001</v>
      </c>
    </row>
    <row r="1126" spans="1:3" x14ac:dyDescent="0.35">
      <c r="A1126" s="3" t="s">
        <v>1945</v>
      </c>
      <c r="B1126" s="3" t="s">
        <v>1963</v>
      </c>
      <c r="C1126" s="284">
        <v>1</v>
      </c>
    </row>
    <row r="1127" spans="1:3" x14ac:dyDescent="0.35">
      <c r="A1127" s="3" t="s">
        <v>751</v>
      </c>
      <c r="B1127" s="3" t="s">
        <v>803</v>
      </c>
      <c r="C1127" s="284">
        <v>1</v>
      </c>
    </row>
    <row r="1128" spans="1:3" x14ac:dyDescent="0.35">
      <c r="A1128" s="3" t="s">
        <v>751</v>
      </c>
      <c r="B1128" s="3" t="s">
        <v>804</v>
      </c>
      <c r="C1128" s="284">
        <v>1</v>
      </c>
    </row>
    <row r="1129" spans="1:3" x14ac:dyDescent="0.35">
      <c r="A1129" s="3" t="s">
        <v>948</v>
      </c>
      <c r="B1129" s="3" t="s">
        <v>1449</v>
      </c>
      <c r="C1129" s="284">
        <v>1</v>
      </c>
    </row>
    <row r="1130" spans="1:3" x14ac:dyDescent="0.35">
      <c r="A1130" s="3" t="s">
        <v>751</v>
      </c>
      <c r="B1130" s="3" t="s">
        <v>805</v>
      </c>
      <c r="C1130" s="284">
        <v>1</v>
      </c>
    </row>
    <row r="1131" spans="1:3" x14ac:dyDescent="0.35">
      <c r="A1131" s="3" t="s">
        <v>948</v>
      </c>
      <c r="B1131" s="278" t="s">
        <v>1014</v>
      </c>
      <c r="C1131" s="284">
        <v>0.92</v>
      </c>
    </row>
    <row r="1132" spans="1:3" x14ac:dyDescent="0.35">
      <c r="A1132" s="3" t="s">
        <v>293</v>
      </c>
      <c r="B1132" s="3" t="s">
        <v>61</v>
      </c>
      <c r="C1132" s="284">
        <v>1</v>
      </c>
    </row>
    <row r="1133" spans="1:3" x14ac:dyDescent="0.35">
      <c r="A1133" s="3" t="s">
        <v>84</v>
      </c>
      <c r="B1133" s="3" t="s">
        <v>61</v>
      </c>
      <c r="C1133" s="284">
        <v>1</v>
      </c>
    </row>
    <row r="1134" spans="1:3" x14ac:dyDescent="0.35">
      <c r="A1134" s="3" t="s">
        <v>45</v>
      </c>
      <c r="B1134" s="3" t="s">
        <v>61</v>
      </c>
      <c r="C1134" s="284">
        <v>1</v>
      </c>
    </row>
    <row r="1135" spans="1:3" x14ac:dyDescent="0.35">
      <c r="A1135" s="3" t="s">
        <v>133</v>
      </c>
      <c r="B1135" s="3" t="s">
        <v>61</v>
      </c>
      <c r="C1135" s="284">
        <v>1</v>
      </c>
    </row>
    <row r="1136" spans="1:3" x14ac:dyDescent="0.35">
      <c r="A1136" s="3" t="s">
        <v>751</v>
      </c>
      <c r="B1136" s="3" t="s">
        <v>61</v>
      </c>
      <c r="C1136" s="284">
        <v>1</v>
      </c>
    </row>
    <row r="1137" spans="1:3" x14ac:dyDescent="0.35">
      <c r="A1137" s="3" t="s">
        <v>1945</v>
      </c>
      <c r="B1137" s="3" t="s">
        <v>61</v>
      </c>
      <c r="C1137" s="284">
        <v>1</v>
      </c>
    </row>
    <row r="1138" spans="1:3" x14ac:dyDescent="0.35">
      <c r="A1138" s="3" t="s">
        <v>176</v>
      </c>
      <c r="B1138" s="3" t="s">
        <v>234</v>
      </c>
      <c r="C1138" s="284">
        <v>1</v>
      </c>
    </row>
    <row r="1139" spans="1:3" x14ac:dyDescent="0.35">
      <c r="A1139" s="3" t="s">
        <v>176</v>
      </c>
      <c r="B1139" s="3" t="s">
        <v>235</v>
      </c>
      <c r="C1139" s="284">
        <v>1</v>
      </c>
    </row>
    <row r="1140" spans="1:3" x14ac:dyDescent="0.35">
      <c r="A1140" s="3" t="s">
        <v>1515</v>
      </c>
      <c r="B1140" s="3" t="s">
        <v>235</v>
      </c>
      <c r="C1140" s="284">
        <v>1</v>
      </c>
    </row>
    <row r="1141" spans="1:3" x14ac:dyDescent="0.35">
      <c r="A1141" s="3" t="s">
        <v>512</v>
      </c>
      <c r="B1141" s="3" t="s">
        <v>572</v>
      </c>
      <c r="C1141" s="284">
        <v>0.93899999999999995</v>
      </c>
    </row>
    <row r="1142" spans="1:3" x14ac:dyDescent="0.35">
      <c r="A1142" s="3" t="s">
        <v>948</v>
      </c>
      <c r="B1142" s="3" t="s">
        <v>1015</v>
      </c>
      <c r="C1142" s="284">
        <v>1</v>
      </c>
    </row>
    <row r="1143" spans="1:3" x14ac:dyDescent="0.35">
      <c r="A1143" s="3" t="s">
        <v>631</v>
      </c>
      <c r="B1143" s="3" t="s">
        <v>691</v>
      </c>
      <c r="C1143" s="284">
        <v>1</v>
      </c>
    </row>
    <row r="1144" spans="1:3" x14ac:dyDescent="0.35">
      <c r="A1144" s="3" t="s">
        <v>1515</v>
      </c>
      <c r="B1144" s="3" t="s">
        <v>1611</v>
      </c>
      <c r="C1144" s="284">
        <v>1</v>
      </c>
    </row>
    <row r="1145" spans="1:3" x14ac:dyDescent="0.35">
      <c r="A1145" s="3" t="s">
        <v>176</v>
      </c>
      <c r="B1145" s="3" t="s">
        <v>236</v>
      </c>
      <c r="C1145" s="284">
        <v>1</v>
      </c>
    </row>
    <row r="1146" spans="1:3" x14ac:dyDescent="0.35">
      <c r="A1146" s="3" t="s">
        <v>631</v>
      </c>
      <c r="B1146" s="3" t="s">
        <v>692</v>
      </c>
      <c r="C1146" s="284">
        <v>1</v>
      </c>
    </row>
    <row r="1147" spans="1:3" x14ac:dyDescent="0.35">
      <c r="A1147" s="3" t="s">
        <v>101</v>
      </c>
      <c r="B1147" s="3" t="s">
        <v>868</v>
      </c>
      <c r="C1147" s="284">
        <v>1</v>
      </c>
    </row>
    <row r="1148" spans="1:3" x14ac:dyDescent="0.35">
      <c r="A1148" s="3" t="s">
        <v>293</v>
      </c>
      <c r="B1148" s="3" t="s">
        <v>335</v>
      </c>
      <c r="C1148" s="284">
        <v>1</v>
      </c>
    </row>
    <row r="1149" spans="1:3" x14ac:dyDescent="0.35">
      <c r="A1149" s="3" t="s">
        <v>1812</v>
      </c>
      <c r="B1149" s="3" t="s">
        <v>1841</v>
      </c>
      <c r="C1149" s="284">
        <v>1</v>
      </c>
    </row>
    <row r="1150" spans="1:3" x14ac:dyDescent="0.35">
      <c r="A1150" s="3" t="s">
        <v>512</v>
      </c>
      <c r="B1150" s="3" t="s">
        <v>573</v>
      </c>
      <c r="C1150" s="284">
        <v>1</v>
      </c>
    </row>
    <row r="1151" spans="1:3" x14ac:dyDescent="0.35">
      <c r="A1151" s="3" t="s">
        <v>95</v>
      </c>
      <c r="B1151" s="3" t="s">
        <v>392</v>
      </c>
      <c r="C1151" s="284">
        <v>1</v>
      </c>
    </row>
    <row r="1152" spans="1:3" x14ac:dyDescent="0.35">
      <c r="A1152" s="3" t="s">
        <v>1515</v>
      </c>
      <c r="B1152" s="3" t="s">
        <v>1612</v>
      </c>
      <c r="C1152" s="284">
        <v>1</v>
      </c>
    </row>
    <row r="1153" spans="1:3" x14ac:dyDescent="0.35">
      <c r="A1153" s="3" t="s">
        <v>2133</v>
      </c>
      <c r="B1153" s="3" t="s">
        <v>2237</v>
      </c>
      <c r="C1153" s="284">
        <v>1</v>
      </c>
    </row>
    <row r="1154" spans="1:3" x14ac:dyDescent="0.35">
      <c r="A1154" s="3" t="s">
        <v>2133</v>
      </c>
      <c r="B1154" s="3" t="s">
        <v>2238</v>
      </c>
      <c r="C1154" s="284">
        <v>1</v>
      </c>
    </row>
    <row r="1155" spans="1:3" x14ac:dyDescent="0.35">
      <c r="A1155" s="3" t="s">
        <v>95</v>
      </c>
      <c r="B1155" s="3" t="s">
        <v>393</v>
      </c>
      <c r="C1155" s="284">
        <v>0.92400000000000004</v>
      </c>
    </row>
    <row r="1156" spans="1:3" x14ac:dyDescent="0.35">
      <c r="A1156" s="3" t="s">
        <v>54</v>
      </c>
      <c r="B1156" s="3" t="s">
        <v>473</v>
      </c>
      <c r="C1156" s="284">
        <v>1</v>
      </c>
    </row>
    <row r="1157" spans="1:3" x14ac:dyDescent="0.35">
      <c r="A1157" s="3" t="s">
        <v>1880</v>
      </c>
      <c r="B1157" s="3" t="s">
        <v>1921</v>
      </c>
      <c r="C1157" s="284">
        <v>1</v>
      </c>
    </row>
    <row r="1158" spans="1:3" x14ac:dyDescent="0.35">
      <c r="A1158" s="3" t="s">
        <v>2029</v>
      </c>
      <c r="B1158" s="3" t="s">
        <v>2084</v>
      </c>
      <c r="C1158" s="284">
        <v>1</v>
      </c>
    </row>
    <row r="1159" spans="1:3" x14ac:dyDescent="0.35">
      <c r="A1159" s="3" t="s">
        <v>1880</v>
      </c>
      <c r="B1159" s="3" t="s">
        <v>1922</v>
      </c>
      <c r="C1159" s="284">
        <v>1</v>
      </c>
    </row>
    <row r="1160" spans="1:3" x14ac:dyDescent="0.35">
      <c r="A1160" s="3" t="s">
        <v>1880</v>
      </c>
      <c r="B1160" s="3" t="s">
        <v>1923</v>
      </c>
      <c r="C1160" s="284">
        <v>1</v>
      </c>
    </row>
    <row r="1161" spans="1:3" x14ac:dyDescent="0.35">
      <c r="A1161" s="3" t="s">
        <v>1515</v>
      </c>
      <c r="B1161" s="3" t="s">
        <v>1613</v>
      </c>
      <c r="C1161" s="284">
        <v>1</v>
      </c>
    </row>
    <row r="1162" spans="1:3" x14ac:dyDescent="0.35">
      <c r="A1162" s="3" t="s">
        <v>2133</v>
      </c>
      <c r="B1162" s="278" t="s">
        <v>2239</v>
      </c>
      <c r="C1162" s="284">
        <v>0.89600000000000002</v>
      </c>
    </row>
    <row r="1163" spans="1:3" x14ac:dyDescent="0.35">
      <c r="A1163" s="3" t="s">
        <v>176</v>
      </c>
      <c r="B1163" s="3" t="s">
        <v>237</v>
      </c>
      <c r="C1163" s="284">
        <v>1</v>
      </c>
    </row>
    <row r="1164" spans="1:3" x14ac:dyDescent="0.35">
      <c r="A1164" s="3" t="s">
        <v>176</v>
      </c>
      <c r="B1164" s="3" t="s">
        <v>238</v>
      </c>
      <c r="C1164" s="284">
        <v>1</v>
      </c>
    </row>
    <row r="1165" spans="1:3" x14ac:dyDescent="0.35">
      <c r="A1165" s="3" t="s">
        <v>45</v>
      </c>
      <c r="B1165" s="3" t="s">
        <v>63</v>
      </c>
      <c r="C1165" s="284">
        <v>1</v>
      </c>
    </row>
    <row r="1166" spans="1:3" x14ac:dyDescent="0.35">
      <c r="A1166" s="3" t="s">
        <v>2133</v>
      </c>
      <c r="B1166" s="3" t="s">
        <v>2240</v>
      </c>
      <c r="C1166" s="284">
        <v>1</v>
      </c>
    </row>
    <row r="1167" spans="1:3" x14ac:dyDescent="0.35">
      <c r="A1167" s="3" t="s">
        <v>2133</v>
      </c>
      <c r="B1167" s="3" t="s">
        <v>2241</v>
      </c>
      <c r="C1167" s="284">
        <v>1</v>
      </c>
    </row>
    <row r="1168" spans="1:3" x14ac:dyDescent="0.35">
      <c r="A1168" s="3" t="s">
        <v>1734</v>
      </c>
      <c r="B1168" s="3" t="s">
        <v>1738</v>
      </c>
      <c r="C1168" s="284">
        <v>1</v>
      </c>
    </row>
    <row r="1169" spans="1:3" x14ac:dyDescent="0.35">
      <c r="A1169" s="3" t="s">
        <v>631</v>
      </c>
      <c r="B1169" s="3" t="s">
        <v>693</v>
      </c>
      <c r="C1169" s="284">
        <v>1</v>
      </c>
    </row>
    <row r="1170" spans="1:3" x14ac:dyDescent="0.35">
      <c r="A1170" s="3" t="s">
        <v>631</v>
      </c>
      <c r="B1170" s="3" t="s">
        <v>694</v>
      </c>
      <c r="C1170" s="284">
        <v>1</v>
      </c>
    </row>
    <row r="1171" spans="1:3" x14ac:dyDescent="0.35">
      <c r="A1171" s="3" t="s">
        <v>631</v>
      </c>
      <c r="B1171" s="3" t="s">
        <v>695</v>
      </c>
      <c r="C1171" s="284">
        <v>1</v>
      </c>
    </row>
    <row r="1172" spans="1:3" x14ac:dyDescent="0.35">
      <c r="A1172" s="3" t="s">
        <v>176</v>
      </c>
      <c r="B1172" s="3" t="s">
        <v>239</v>
      </c>
      <c r="C1172" s="284">
        <v>1</v>
      </c>
    </row>
    <row r="1173" spans="1:3" x14ac:dyDescent="0.35">
      <c r="A1173" s="3" t="s">
        <v>2029</v>
      </c>
      <c r="B1173" s="3" t="s">
        <v>2085</v>
      </c>
      <c r="C1173" s="284">
        <v>1</v>
      </c>
    </row>
    <row r="1174" spans="1:3" x14ac:dyDescent="0.35">
      <c r="A1174" s="3" t="s">
        <v>2133</v>
      </c>
      <c r="B1174" s="3" t="s">
        <v>2242</v>
      </c>
      <c r="C1174" s="284">
        <v>1</v>
      </c>
    </row>
    <row r="1175" spans="1:3" x14ac:dyDescent="0.35">
      <c r="A1175" s="3" t="s">
        <v>631</v>
      </c>
      <c r="B1175" s="3" t="s">
        <v>696</v>
      </c>
      <c r="C1175" s="284">
        <v>1</v>
      </c>
    </row>
    <row r="1176" spans="1:3" x14ac:dyDescent="0.35">
      <c r="A1176" s="3" t="s">
        <v>2</v>
      </c>
      <c r="B1176" s="3" t="s">
        <v>7</v>
      </c>
      <c r="C1176" s="284">
        <v>1</v>
      </c>
    </row>
    <row r="1177" spans="1:3" x14ac:dyDescent="0.35">
      <c r="A1177" s="3" t="s">
        <v>54</v>
      </c>
      <c r="B1177" s="278" t="s">
        <v>476</v>
      </c>
      <c r="C1177" s="284">
        <v>0.91200000000000003</v>
      </c>
    </row>
    <row r="1178" spans="1:3" x14ac:dyDescent="0.35">
      <c r="A1178" s="3" t="s">
        <v>54</v>
      </c>
      <c r="B1178" s="3" t="s">
        <v>475</v>
      </c>
      <c r="C1178" s="284">
        <v>1</v>
      </c>
    </row>
    <row r="1179" spans="1:3" x14ac:dyDescent="0.35">
      <c r="A1179" s="3" t="s">
        <v>1945</v>
      </c>
      <c r="B1179" s="3" t="s">
        <v>1964</v>
      </c>
      <c r="C1179" s="284">
        <v>1</v>
      </c>
    </row>
    <row r="1180" spans="1:3" x14ac:dyDescent="0.35">
      <c r="A1180" s="3" t="s">
        <v>1515</v>
      </c>
      <c r="B1180" s="3" t="s">
        <v>1614</v>
      </c>
      <c r="C1180" s="284">
        <v>1</v>
      </c>
    </row>
    <row r="1181" spans="1:3" x14ac:dyDescent="0.35">
      <c r="A1181" s="3" t="s">
        <v>751</v>
      </c>
      <c r="B1181" s="3" t="s">
        <v>806</v>
      </c>
      <c r="C1181" s="284">
        <v>1</v>
      </c>
    </row>
    <row r="1182" spans="1:3" x14ac:dyDescent="0.35">
      <c r="A1182" s="3" t="s">
        <v>2133</v>
      </c>
      <c r="B1182" s="3" t="s">
        <v>2243</v>
      </c>
      <c r="C1182" s="284">
        <v>1</v>
      </c>
    </row>
    <row r="1183" spans="1:3" x14ac:dyDescent="0.35">
      <c r="A1183" s="3" t="s">
        <v>176</v>
      </c>
      <c r="B1183" s="3" t="s">
        <v>240</v>
      </c>
      <c r="C1183" s="284">
        <v>0.91</v>
      </c>
    </row>
    <row r="1184" spans="1:3" x14ac:dyDescent="0.35">
      <c r="A1184" s="3" t="s">
        <v>25</v>
      </c>
      <c r="B1184" s="3" t="s">
        <v>31</v>
      </c>
      <c r="C1184" s="284">
        <v>1</v>
      </c>
    </row>
    <row r="1185" spans="1:3" x14ac:dyDescent="0.35">
      <c r="A1185" s="3" t="s">
        <v>1515</v>
      </c>
      <c r="B1185" s="3" t="s">
        <v>1615</v>
      </c>
      <c r="C1185" s="284">
        <v>1</v>
      </c>
    </row>
    <row r="1186" spans="1:3" x14ac:dyDescent="0.35">
      <c r="A1186" s="3" t="s">
        <v>1945</v>
      </c>
      <c r="B1186" s="3" t="s">
        <v>1965</v>
      </c>
      <c r="C1186" s="284">
        <v>1</v>
      </c>
    </row>
    <row r="1187" spans="1:3" x14ac:dyDescent="0.35">
      <c r="A1187" s="3" t="s">
        <v>2029</v>
      </c>
      <c r="B1187" s="3" t="s">
        <v>2086</v>
      </c>
      <c r="C1187" s="284">
        <v>1</v>
      </c>
    </row>
    <row r="1188" spans="1:3" x14ac:dyDescent="0.35">
      <c r="A1188" s="3" t="s">
        <v>751</v>
      </c>
      <c r="B1188" s="3" t="s">
        <v>807</v>
      </c>
      <c r="C1188" s="284">
        <v>1</v>
      </c>
    </row>
    <row r="1189" spans="1:3" x14ac:dyDescent="0.35">
      <c r="A1189" s="3" t="s">
        <v>1974</v>
      </c>
      <c r="B1189" s="3" t="s">
        <v>1998</v>
      </c>
      <c r="C1189" s="284">
        <v>1</v>
      </c>
    </row>
    <row r="1190" spans="1:3" x14ac:dyDescent="0.35">
      <c r="A1190" s="3" t="s">
        <v>176</v>
      </c>
      <c r="B1190" s="3" t="s">
        <v>241</v>
      </c>
      <c r="C1190" s="284">
        <v>1</v>
      </c>
    </row>
    <row r="1191" spans="1:3" x14ac:dyDescent="0.35">
      <c r="A1191" s="3" t="s">
        <v>176</v>
      </c>
      <c r="B1191" s="3" t="s">
        <v>242</v>
      </c>
      <c r="C1191" s="284">
        <v>1</v>
      </c>
    </row>
    <row r="1192" spans="1:3" x14ac:dyDescent="0.35">
      <c r="A1192" s="3" t="s">
        <v>1515</v>
      </c>
      <c r="B1192" s="3" t="s">
        <v>242</v>
      </c>
      <c r="C1192" s="284">
        <v>1</v>
      </c>
    </row>
    <row r="1193" spans="1:3" x14ac:dyDescent="0.35">
      <c r="A1193" s="3" t="s">
        <v>2133</v>
      </c>
      <c r="B1193" s="3" t="s">
        <v>1842</v>
      </c>
      <c r="C1193" s="284">
        <v>1</v>
      </c>
    </row>
    <row r="1194" spans="1:3" x14ac:dyDescent="0.35">
      <c r="A1194" s="3" t="s">
        <v>1812</v>
      </c>
      <c r="B1194" s="3" t="s">
        <v>1842</v>
      </c>
      <c r="C1194" s="284">
        <v>1</v>
      </c>
    </row>
    <row r="1195" spans="1:3" x14ac:dyDescent="0.35">
      <c r="A1195" s="3" t="s">
        <v>45</v>
      </c>
      <c r="B1195" s="3" t="s">
        <v>64</v>
      </c>
      <c r="C1195" s="284">
        <v>1</v>
      </c>
    </row>
    <row r="1196" spans="1:3" x14ac:dyDescent="0.35">
      <c r="A1196" s="3" t="s">
        <v>631</v>
      </c>
      <c r="B1196" s="3" t="s">
        <v>697</v>
      </c>
      <c r="C1196" s="284">
        <v>1</v>
      </c>
    </row>
    <row r="1197" spans="1:3" x14ac:dyDescent="0.35">
      <c r="A1197" s="3" t="s">
        <v>1974</v>
      </c>
      <c r="B1197" s="3" t="s">
        <v>2012</v>
      </c>
      <c r="C1197" s="284">
        <v>1</v>
      </c>
    </row>
    <row r="1198" spans="1:3" x14ac:dyDescent="0.35">
      <c r="A1198" s="3" t="s">
        <v>2133</v>
      </c>
      <c r="B1198" s="278" t="s">
        <v>2244</v>
      </c>
      <c r="C1198" s="284">
        <v>0.90800000000000003</v>
      </c>
    </row>
    <row r="1199" spans="1:3" x14ac:dyDescent="0.35">
      <c r="A1199" s="3" t="s">
        <v>751</v>
      </c>
      <c r="B1199" s="3" t="s">
        <v>809</v>
      </c>
      <c r="C1199" s="284">
        <v>1</v>
      </c>
    </row>
    <row r="1200" spans="1:3" x14ac:dyDescent="0.35">
      <c r="A1200" s="3" t="s">
        <v>751</v>
      </c>
      <c r="B1200" s="3" t="s">
        <v>808</v>
      </c>
      <c r="C1200" s="284">
        <v>1</v>
      </c>
    </row>
    <row r="1201" spans="1:3" x14ac:dyDescent="0.35">
      <c r="A1201" s="3" t="s">
        <v>1796</v>
      </c>
      <c r="B1201" s="3" t="s">
        <v>1808</v>
      </c>
      <c r="C1201" s="284">
        <v>1</v>
      </c>
    </row>
    <row r="1202" spans="1:3" x14ac:dyDescent="0.35">
      <c r="A1202" s="3" t="s">
        <v>904</v>
      </c>
      <c r="B1202" s="3" t="s">
        <v>938</v>
      </c>
      <c r="C1202" s="284">
        <v>1</v>
      </c>
    </row>
    <row r="1203" spans="1:3" x14ac:dyDescent="0.35">
      <c r="A1203" s="3" t="s">
        <v>84</v>
      </c>
      <c r="B1203" s="3" t="s">
        <v>105</v>
      </c>
      <c r="C1203" s="284">
        <v>1</v>
      </c>
    </row>
    <row r="1204" spans="1:3" x14ac:dyDescent="0.35">
      <c r="A1204" s="3" t="s">
        <v>2133</v>
      </c>
      <c r="B1204" s="3" t="s">
        <v>2246</v>
      </c>
      <c r="C1204" s="284">
        <v>1</v>
      </c>
    </row>
    <row r="1205" spans="1:3" x14ac:dyDescent="0.35">
      <c r="A1205" s="3" t="s">
        <v>2133</v>
      </c>
      <c r="B1205" s="3" t="s">
        <v>2245</v>
      </c>
      <c r="C1205" s="284">
        <v>1</v>
      </c>
    </row>
    <row r="1206" spans="1:3" x14ac:dyDescent="0.35">
      <c r="A1206" s="3" t="s">
        <v>751</v>
      </c>
      <c r="B1206" s="3" t="s">
        <v>810</v>
      </c>
      <c r="C1206" s="284">
        <v>0.872</v>
      </c>
    </row>
    <row r="1207" spans="1:3" x14ac:dyDescent="0.35">
      <c r="A1207" s="3" t="s">
        <v>95</v>
      </c>
      <c r="B1207" s="3" t="s">
        <v>394</v>
      </c>
      <c r="C1207" s="284">
        <v>1</v>
      </c>
    </row>
    <row r="1208" spans="1:3" x14ac:dyDescent="0.35">
      <c r="A1208" s="3" t="s">
        <v>1718</v>
      </c>
      <c r="B1208" s="3" t="s">
        <v>1730</v>
      </c>
      <c r="C1208" s="284">
        <v>1</v>
      </c>
    </row>
    <row r="1209" spans="1:3" x14ac:dyDescent="0.35">
      <c r="A1209" s="3" t="s">
        <v>751</v>
      </c>
      <c r="B1209" s="3" t="s">
        <v>811</v>
      </c>
      <c r="C1209" s="284">
        <v>1</v>
      </c>
    </row>
    <row r="1210" spans="1:3" x14ac:dyDescent="0.35">
      <c r="A1210" s="3" t="s">
        <v>133</v>
      </c>
      <c r="B1210" s="3" t="s">
        <v>153</v>
      </c>
      <c r="C1210" s="284">
        <v>1</v>
      </c>
    </row>
    <row r="1211" spans="1:3" x14ac:dyDescent="0.35">
      <c r="A1211" s="3" t="s">
        <v>1718</v>
      </c>
      <c r="B1211" s="3" t="s">
        <v>1731</v>
      </c>
      <c r="C1211" s="284">
        <v>1</v>
      </c>
    </row>
    <row r="1212" spans="1:3" x14ac:dyDescent="0.35">
      <c r="A1212" s="3" t="s">
        <v>45</v>
      </c>
      <c r="B1212" s="3" t="s">
        <v>65</v>
      </c>
      <c r="C1212" s="284">
        <v>1</v>
      </c>
    </row>
    <row r="1213" spans="1:3" x14ac:dyDescent="0.35">
      <c r="A1213" s="3" t="s">
        <v>751</v>
      </c>
      <c r="B1213" s="3" t="s">
        <v>812</v>
      </c>
      <c r="C1213" s="284">
        <v>1</v>
      </c>
    </row>
    <row r="1214" spans="1:3" x14ac:dyDescent="0.35">
      <c r="A1214" s="3" t="s">
        <v>2133</v>
      </c>
      <c r="B1214" s="3" t="s">
        <v>2248</v>
      </c>
      <c r="C1214" s="284">
        <v>1</v>
      </c>
    </row>
    <row r="1215" spans="1:3" x14ac:dyDescent="0.35">
      <c r="A1215" s="3" t="s">
        <v>904</v>
      </c>
      <c r="B1215" s="3" t="s">
        <v>939</v>
      </c>
      <c r="C1215" s="284">
        <v>1</v>
      </c>
    </row>
    <row r="1216" spans="1:3" x14ac:dyDescent="0.35">
      <c r="A1216" s="3" t="s">
        <v>95</v>
      </c>
      <c r="B1216" s="3" t="s">
        <v>395</v>
      </c>
      <c r="C1216" s="284">
        <v>1</v>
      </c>
    </row>
    <row r="1217" spans="1:3" x14ac:dyDescent="0.35">
      <c r="A1217" s="3" t="s">
        <v>1515</v>
      </c>
      <c r="B1217" s="3" t="s">
        <v>1616</v>
      </c>
      <c r="C1217" s="284">
        <v>1</v>
      </c>
    </row>
    <row r="1218" spans="1:3" x14ac:dyDescent="0.35">
      <c r="A1218" s="3" t="s">
        <v>2029</v>
      </c>
      <c r="B1218" s="3" t="s">
        <v>2087</v>
      </c>
      <c r="C1218" s="284">
        <v>1</v>
      </c>
    </row>
    <row r="1219" spans="1:3" x14ac:dyDescent="0.35">
      <c r="A1219" s="3" t="s">
        <v>1515</v>
      </c>
      <c r="B1219" s="3" t="s">
        <v>1617</v>
      </c>
      <c r="C1219" s="284">
        <v>1</v>
      </c>
    </row>
    <row r="1220" spans="1:3" x14ac:dyDescent="0.35">
      <c r="A1220" s="3" t="s">
        <v>176</v>
      </c>
      <c r="B1220" s="3" t="s">
        <v>243</v>
      </c>
      <c r="C1220" s="284">
        <v>1</v>
      </c>
    </row>
    <row r="1221" spans="1:3" x14ac:dyDescent="0.35">
      <c r="A1221" s="3" t="s">
        <v>84</v>
      </c>
      <c r="B1221" s="3" t="s">
        <v>106</v>
      </c>
      <c r="C1221" s="284">
        <v>1.012</v>
      </c>
    </row>
    <row r="1222" spans="1:3" x14ac:dyDescent="0.35">
      <c r="A1222" s="3" t="s">
        <v>512</v>
      </c>
      <c r="B1222" s="3" t="s">
        <v>574</v>
      </c>
      <c r="C1222" s="284">
        <v>1</v>
      </c>
    </row>
    <row r="1223" spans="1:3" x14ac:dyDescent="0.35">
      <c r="A1223" s="3" t="s">
        <v>176</v>
      </c>
      <c r="B1223" s="3" t="s">
        <v>244</v>
      </c>
      <c r="C1223" s="284">
        <v>1</v>
      </c>
    </row>
    <row r="1224" spans="1:3" x14ac:dyDescent="0.35">
      <c r="A1224" s="3" t="s">
        <v>95</v>
      </c>
      <c r="B1224" s="3" t="s">
        <v>396</v>
      </c>
      <c r="C1224" s="284">
        <v>1</v>
      </c>
    </row>
    <row r="1225" spans="1:3" x14ac:dyDescent="0.35">
      <c r="A1225" s="3" t="s">
        <v>1718</v>
      </c>
      <c r="B1225" s="3" t="s">
        <v>1720</v>
      </c>
      <c r="C1225" s="284">
        <v>1</v>
      </c>
    </row>
    <row r="1226" spans="1:3" x14ac:dyDescent="0.35">
      <c r="A1226" s="3" t="s">
        <v>1812</v>
      </c>
      <c r="B1226" s="3" t="s">
        <v>1843</v>
      </c>
      <c r="C1226" s="284">
        <v>1</v>
      </c>
    </row>
    <row r="1227" spans="1:3" x14ac:dyDescent="0.35">
      <c r="A1227" s="3" t="s">
        <v>948</v>
      </c>
      <c r="B1227" s="3" t="s">
        <v>1017</v>
      </c>
      <c r="C1227" s="284">
        <v>1</v>
      </c>
    </row>
    <row r="1228" spans="1:3" x14ac:dyDescent="0.35">
      <c r="A1228" s="3" t="s">
        <v>54</v>
      </c>
      <c r="B1228" s="3" t="s">
        <v>477</v>
      </c>
      <c r="C1228" s="284">
        <v>1</v>
      </c>
    </row>
    <row r="1229" spans="1:3" x14ac:dyDescent="0.35">
      <c r="A1229" s="3" t="s">
        <v>1880</v>
      </c>
      <c r="B1229" s="3" t="s">
        <v>1924</v>
      </c>
      <c r="C1229" s="284">
        <v>1</v>
      </c>
    </row>
    <row r="1230" spans="1:3" x14ac:dyDescent="0.35">
      <c r="A1230" s="3" t="s">
        <v>2133</v>
      </c>
      <c r="B1230" s="3" t="s">
        <v>2249</v>
      </c>
      <c r="C1230" s="284">
        <v>1</v>
      </c>
    </row>
    <row r="1231" spans="1:3" x14ac:dyDescent="0.35">
      <c r="A1231" s="3" t="s">
        <v>2133</v>
      </c>
      <c r="B1231" s="3" t="s">
        <v>2250</v>
      </c>
      <c r="C1231" s="284">
        <v>1</v>
      </c>
    </row>
    <row r="1232" spans="1:3" x14ac:dyDescent="0.35">
      <c r="A1232" s="3" t="s">
        <v>13</v>
      </c>
      <c r="B1232" s="3" t="s">
        <v>18</v>
      </c>
      <c r="C1232" s="284">
        <v>1</v>
      </c>
    </row>
    <row r="1233" spans="1:3" x14ac:dyDescent="0.35">
      <c r="A1233" s="3" t="s">
        <v>948</v>
      </c>
      <c r="B1233" s="3" t="s">
        <v>1018</v>
      </c>
      <c r="C1233" s="284">
        <v>1</v>
      </c>
    </row>
    <row r="1234" spans="1:3" x14ac:dyDescent="0.35">
      <c r="A1234" s="3" t="s">
        <v>45</v>
      </c>
      <c r="B1234" s="3" t="s">
        <v>66</v>
      </c>
      <c r="C1234" s="284">
        <v>1</v>
      </c>
    </row>
    <row r="1235" spans="1:3" x14ac:dyDescent="0.35">
      <c r="A1235" s="3" t="s">
        <v>631</v>
      </c>
      <c r="B1235" s="3" t="s">
        <v>698</v>
      </c>
      <c r="C1235" s="284">
        <v>1</v>
      </c>
    </row>
    <row r="1236" spans="1:3" x14ac:dyDescent="0.35">
      <c r="A1236" s="3" t="s">
        <v>512</v>
      </c>
      <c r="B1236" s="3" t="s">
        <v>575</v>
      </c>
      <c r="C1236" s="284">
        <v>1</v>
      </c>
    </row>
    <row r="1237" spans="1:3" x14ac:dyDescent="0.35">
      <c r="A1237" s="3" t="s">
        <v>2133</v>
      </c>
      <c r="B1237" s="278" t="s">
        <v>2251</v>
      </c>
      <c r="C1237" s="284">
        <v>0.94099999999999995</v>
      </c>
    </row>
    <row r="1238" spans="1:3" x14ac:dyDescent="0.35">
      <c r="A1238" s="3" t="s">
        <v>293</v>
      </c>
      <c r="B1238" s="3" t="s">
        <v>336</v>
      </c>
      <c r="C1238" s="284">
        <v>1</v>
      </c>
    </row>
    <row r="1239" spans="1:3" x14ac:dyDescent="0.35">
      <c r="A1239" s="3" t="s">
        <v>84</v>
      </c>
      <c r="B1239" s="3" t="s">
        <v>107</v>
      </c>
      <c r="C1239" s="284">
        <v>1</v>
      </c>
    </row>
    <row r="1240" spans="1:3" x14ac:dyDescent="0.35">
      <c r="A1240" s="3" t="s">
        <v>2029</v>
      </c>
      <c r="B1240" s="3" t="s">
        <v>107</v>
      </c>
      <c r="C1240" s="284">
        <v>1</v>
      </c>
    </row>
    <row r="1241" spans="1:3" x14ac:dyDescent="0.35">
      <c r="A1241" s="3" t="s">
        <v>54</v>
      </c>
      <c r="B1241" s="3" t="s">
        <v>478</v>
      </c>
      <c r="C1241" s="284">
        <v>1</v>
      </c>
    </row>
    <row r="1242" spans="1:3" x14ac:dyDescent="0.35">
      <c r="A1242" s="3" t="s">
        <v>1515</v>
      </c>
      <c r="B1242" s="3" t="s">
        <v>1515</v>
      </c>
      <c r="C1242" s="284">
        <v>0.98199999999999998</v>
      </c>
    </row>
    <row r="1243" spans="1:3" x14ac:dyDescent="0.35">
      <c r="A1243" s="3" t="s">
        <v>45</v>
      </c>
      <c r="B1243" s="3" t="s">
        <v>67</v>
      </c>
      <c r="C1243" s="284">
        <v>1</v>
      </c>
    </row>
    <row r="1244" spans="1:3" x14ac:dyDescent="0.35">
      <c r="A1244" s="3" t="s">
        <v>133</v>
      </c>
      <c r="B1244" s="3" t="s">
        <v>67</v>
      </c>
      <c r="C1244" s="284">
        <v>1</v>
      </c>
    </row>
    <row r="1245" spans="1:3" x14ac:dyDescent="0.35">
      <c r="A1245" s="3" t="s">
        <v>176</v>
      </c>
      <c r="B1245" s="3" t="s">
        <v>247</v>
      </c>
      <c r="C1245" s="284">
        <v>1</v>
      </c>
    </row>
    <row r="1246" spans="1:3" x14ac:dyDescent="0.35">
      <c r="A1246" s="3" t="s">
        <v>2133</v>
      </c>
      <c r="B1246" s="3" t="s">
        <v>2253</v>
      </c>
      <c r="C1246" s="284">
        <v>1</v>
      </c>
    </row>
    <row r="1247" spans="1:3" x14ac:dyDescent="0.35">
      <c r="A1247" s="3" t="s">
        <v>101</v>
      </c>
      <c r="B1247" s="3" t="s">
        <v>869</v>
      </c>
      <c r="C1247" s="284">
        <v>1</v>
      </c>
    </row>
    <row r="1248" spans="1:3" x14ac:dyDescent="0.35">
      <c r="A1248" s="3" t="s">
        <v>2133</v>
      </c>
      <c r="B1248" s="3" t="s">
        <v>2254</v>
      </c>
      <c r="C1248" s="284">
        <v>1</v>
      </c>
    </row>
    <row r="1249" spans="1:3" x14ac:dyDescent="0.35">
      <c r="A1249" s="3" t="s">
        <v>1880</v>
      </c>
      <c r="B1249" s="3" t="s">
        <v>1925</v>
      </c>
      <c r="C1249" s="284">
        <v>1</v>
      </c>
    </row>
    <row r="1250" spans="1:3" x14ac:dyDescent="0.35">
      <c r="A1250" s="3" t="s">
        <v>512</v>
      </c>
      <c r="B1250" s="3" t="s">
        <v>576</v>
      </c>
      <c r="C1250" s="284">
        <v>1.0349999999999999</v>
      </c>
    </row>
    <row r="1251" spans="1:3" x14ac:dyDescent="0.35">
      <c r="A1251" s="3" t="s">
        <v>95</v>
      </c>
      <c r="B1251" s="3" t="s">
        <v>397</v>
      </c>
      <c r="C1251" s="284">
        <v>1</v>
      </c>
    </row>
    <row r="1252" spans="1:3" x14ac:dyDescent="0.35">
      <c r="A1252" s="3" t="s">
        <v>751</v>
      </c>
      <c r="B1252" s="3" t="s">
        <v>814</v>
      </c>
      <c r="C1252" s="284">
        <v>1</v>
      </c>
    </row>
    <row r="1253" spans="1:3" x14ac:dyDescent="0.35">
      <c r="A1253" s="3" t="s">
        <v>133</v>
      </c>
      <c r="B1253" s="3" t="s">
        <v>154</v>
      </c>
      <c r="C1253" s="284">
        <v>1</v>
      </c>
    </row>
    <row r="1254" spans="1:3" x14ac:dyDescent="0.35">
      <c r="A1254" s="3" t="s">
        <v>751</v>
      </c>
      <c r="B1254" s="3" t="s">
        <v>815</v>
      </c>
      <c r="C1254" s="284">
        <v>1</v>
      </c>
    </row>
    <row r="1255" spans="1:3" x14ac:dyDescent="0.35">
      <c r="A1255" s="3" t="s">
        <v>948</v>
      </c>
      <c r="B1255" s="3" t="s">
        <v>1020</v>
      </c>
      <c r="C1255" s="284">
        <v>1</v>
      </c>
    </row>
    <row r="1256" spans="1:3" x14ac:dyDescent="0.35">
      <c r="A1256" s="3" t="s">
        <v>1515</v>
      </c>
      <c r="B1256" s="3" t="s">
        <v>1618</v>
      </c>
      <c r="C1256" s="284">
        <v>1</v>
      </c>
    </row>
    <row r="1257" spans="1:3" x14ac:dyDescent="0.35">
      <c r="A1257" s="3" t="s">
        <v>95</v>
      </c>
      <c r="B1257" s="3" t="s">
        <v>398</v>
      </c>
      <c r="C1257" s="284">
        <v>1</v>
      </c>
    </row>
    <row r="1258" spans="1:3" x14ac:dyDescent="0.35">
      <c r="A1258" s="3" t="s">
        <v>751</v>
      </c>
      <c r="B1258" s="3" t="s">
        <v>816</v>
      </c>
      <c r="C1258" s="284">
        <v>1</v>
      </c>
    </row>
    <row r="1259" spans="1:3" x14ac:dyDescent="0.35">
      <c r="A1259" s="3" t="s">
        <v>1718</v>
      </c>
      <c r="B1259" s="3" t="s">
        <v>1718</v>
      </c>
      <c r="C1259" s="284">
        <v>0.98199999999999998</v>
      </c>
    </row>
    <row r="1260" spans="1:3" x14ac:dyDescent="0.35">
      <c r="A1260" s="3" t="s">
        <v>1515</v>
      </c>
      <c r="B1260" s="3" t="s">
        <v>1619</v>
      </c>
      <c r="C1260" s="284">
        <v>1</v>
      </c>
    </row>
    <row r="1261" spans="1:3" x14ac:dyDescent="0.35">
      <c r="A1261" s="3" t="s">
        <v>2029</v>
      </c>
      <c r="B1261" s="3" t="s">
        <v>1734</v>
      </c>
      <c r="C1261" s="284">
        <v>1</v>
      </c>
    </row>
    <row r="1262" spans="1:3" x14ac:dyDescent="0.35">
      <c r="A1262" s="3" t="s">
        <v>1880</v>
      </c>
      <c r="B1262" s="3" t="s">
        <v>1926</v>
      </c>
      <c r="C1262" s="284">
        <v>1</v>
      </c>
    </row>
    <row r="1263" spans="1:3" x14ac:dyDescent="0.35">
      <c r="A1263" s="3" t="s">
        <v>751</v>
      </c>
      <c r="B1263" s="3" t="s">
        <v>817</v>
      </c>
      <c r="C1263" s="284">
        <v>1</v>
      </c>
    </row>
    <row r="1264" spans="1:3" x14ac:dyDescent="0.35">
      <c r="A1264" s="3" t="s">
        <v>512</v>
      </c>
      <c r="B1264" s="3" t="s">
        <v>578</v>
      </c>
      <c r="C1264" s="284">
        <v>1</v>
      </c>
    </row>
    <row r="1265" spans="1:3" x14ac:dyDescent="0.35">
      <c r="A1265" s="3" t="s">
        <v>2133</v>
      </c>
      <c r="B1265" s="3" t="s">
        <v>2255</v>
      </c>
      <c r="C1265" s="284">
        <v>1</v>
      </c>
    </row>
    <row r="1266" spans="1:3" x14ac:dyDescent="0.35">
      <c r="A1266" s="3" t="s">
        <v>1515</v>
      </c>
      <c r="B1266" s="3" t="s">
        <v>1620</v>
      </c>
      <c r="C1266" s="284">
        <v>1</v>
      </c>
    </row>
    <row r="1267" spans="1:3" x14ac:dyDescent="0.35">
      <c r="A1267" s="3" t="s">
        <v>2133</v>
      </c>
      <c r="B1267" s="3" t="s">
        <v>2256</v>
      </c>
      <c r="C1267" s="284">
        <v>1</v>
      </c>
    </row>
    <row r="1268" spans="1:3" x14ac:dyDescent="0.35">
      <c r="A1268" s="3" t="s">
        <v>84</v>
      </c>
      <c r="B1268" s="3" t="s">
        <v>108</v>
      </c>
      <c r="C1268" s="284">
        <v>1</v>
      </c>
    </row>
    <row r="1269" spans="1:3" x14ac:dyDescent="0.35">
      <c r="A1269" s="3" t="s">
        <v>176</v>
      </c>
      <c r="B1269" s="3" t="s">
        <v>248</v>
      </c>
      <c r="C1269" s="284">
        <v>1</v>
      </c>
    </row>
    <row r="1270" spans="1:3" x14ac:dyDescent="0.35">
      <c r="A1270" s="3" t="s">
        <v>631</v>
      </c>
      <c r="B1270" s="3" t="s">
        <v>248</v>
      </c>
      <c r="C1270" s="284">
        <v>1</v>
      </c>
    </row>
    <row r="1271" spans="1:3" x14ac:dyDescent="0.35">
      <c r="A1271" s="3" t="s">
        <v>1744</v>
      </c>
      <c r="B1271" s="3" t="s">
        <v>248</v>
      </c>
      <c r="C1271" s="284">
        <v>1</v>
      </c>
    </row>
    <row r="1272" spans="1:3" x14ac:dyDescent="0.35">
      <c r="A1272" s="3" t="s">
        <v>1880</v>
      </c>
      <c r="B1272" s="3" t="s">
        <v>248</v>
      </c>
      <c r="C1272" s="284">
        <v>1</v>
      </c>
    </row>
    <row r="1273" spans="1:3" x14ac:dyDescent="0.35">
      <c r="A1273" s="3" t="s">
        <v>904</v>
      </c>
      <c r="B1273" s="3" t="s">
        <v>941</v>
      </c>
      <c r="C1273" s="284">
        <v>1</v>
      </c>
    </row>
    <row r="1274" spans="1:3" x14ac:dyDescent="0.35">
      <c r="A1274" s="3" t="s">
        <v>176</v>
      </c>
      <c r="B1274" s="3" t="s">
        <v>249</v>
      </c>
      <c r="C1274" s="284">
        <v>1</v>
      </c>
    </row>
    <row r="1275" spans="1:3" x14ac:dyDescent="0.35">
      <c r="A1275" s="3" t="s">
        <v>948</v>
      </c>
      <c r="B1275" s="3" t="s">
        <v>1022</v>
      </c>
      <c r="C1275" s="284">
        <v>1</v>
      </c>
    </row>
    <row r="1276" spans="1:3" x14ac:dyDescent="0.35">
      <c r="A1276" s="3" t="s">
        <v>948</v>
      </c>
      <c r="B1276" s="3" t="s">
        <v>1024</v>
      </c>
      <c r="C1276" s="284">
        <v>1</v>
      </c>
    </row>
    <row r="1277" spans="1:3" x14ac:dyDescent="0.35">
      <c r="A1277" s="3" t="s">
        <v>1945</v>
      </c>
      <c r="B1277" s="278" t="s">
        <v>1966</v>
      </c>
      <c r="C1277" s="284">
        <v>1.1870000000000001</v>
      </c>
    </row>
    <row r="1278" spans="1:3" x14ac:dyDescent="0.35">
      <c r="A1278" s="3" t="s">
        <v>2</v>
      </c>
      <c r="B1278" s="3" t="s">
        <v>8</v>
      </c>
      <c r="C1278" s="284">
        <v>1</v>
      </c>
    </row>
    <row r="1279" spans="1:3" x14ac:dyDescent="0.35">
      <c r="A1279" s="3" t="s">
        <v>2133</v>
      </c>
      <c r="B1279" s="3" t="s">
        <v>2257</v>
      </c>
      <c r="C1279" s="284">
        <v>1</v>
      </c>
    </row>
    <row r="1280" spans="1:3" x14ac:dyDescent="0.35">
      <c r="A1280" s="3" t="s">
        <v>1945</v>
      </c>
      <c r="B1280" s="278" t="s">
        <v>1967</v>
      </c>
      <c r="C1280" s="284">
        <v>1.0880000000000001</v>
      </c>
    </row>
    <row r="1281" spans="1:3" x14ac:dyDescent="0.35">
      <c r="A1281" s="3" t="s">
        <v>1812</v>
      </c>
      <c r="B1281" s="3" t="s">
        <v>1844</v>
      </c>
      <c r="C1281" s="284">
        <v>1</v>
      </c>
    </row>
    <row r="1282" spans="1:3" x14ac:dyDescent="0.35">
      <c r="A1282" s="3" t="s">
        <v>2029</v>
      </c>
      <c r="B1282" s="3" t="s">
        <v>2088</v>
      </c>
      <c r="C1282" s="284">
        <v>1</v>
      </c>
    </row>
    <row r="1283" spans="1:3" x14ac:dyDescent="0.35">
      <c r="A1283" s="3" t="s">
        <v>1744</v>
      </c>
      <c r="B1283" s="3" t="s">
        <v>1765</v>
      </c>
      <c r="C1283" s="284">
        <v>1</v>
      </c>
    </row>
    <row r="1284" spans="1:3" x14ac:dyDescent="0.35">
      <c r="A1284" s="3" t="s">
        <v>293</v>
      </c>
      <c r="B1284" s="3" t="s">
        <v>337</v>
      </c>
      <c r="C1284" s="284">
        <v>1</v>
      </c>
    </row>
    <row r="1285" spans="1:3" x14ac:dyDescent="0.35">
      <c r="A1285" s="3" t="s">
        <v>45</v>
      </c>
      <c r="B1285" s="3" t="s">
        <v>68</v>
      </c>
      <c r="C1285" s="284">
        <v>1</v>
      </c>
    </row>
    <row r="1286" spans="1:3" x14ac:dyDescent="0.35">
      <c r="A1286" s="3" t="s">
        <v>948</v>
      </c>
      <c r="B1286" s="3" t="s">
        <v>1025</v>
      </c>
      <c r="C1286" s="284">
        <v>1</v>
      </c>
    </row>
    <row r="1287" spans="1:3" x14ac:dyDescent="0.35">
      <c r="A1287" s="3" t="s">
        <v>133</v>
      </c>
      <c r="B1287" s="3" t="s">
        <v>155</v>
      </c>
      <c r="C1287" s="284">
        <v>1</v>
      </c>
    </row>
    <row r="1288" spans="1:3" x14ac:dyDescent="0.35">
      <c r="A1288" s="3" t="s">
        <v>293</v>
      </c>
      <c r="B1288" s="3" t="s">
        <v>338</v>
      </c>
      <c r="C1288" s="284">
        <v>1</v>
      </c>
    </row>
    <row r="1289" spans="1:3" x14ac:dyDescent="0.35">
      <c r="A1289" s="3" t="s">
        <v>885</v>
      </c>
      <c r="B1289" s="3" t="s">
        <v>895</v>
      </c>
      <c r="C1289" s="284">
        <v>1</v>
      </c>
    </row>
    <row r="1290" spans="1:3" x14ac:dyDescent="0.35">
      <c r="A1290" s="3" t="s">
        <v>293</v>
      </c>
      <c r="B1290" s="3" t="s">
        <v>339</v>
      </c>
      <c r="C1290" s="284">
        <v>1</v>
      </c>
    </row>
    <row r="1291" spans="1:3" x14ac:dyDescent="0.35">
      <c r="A1291" s="3" t="s">
        <v>1861</v>
      </c>
      <c r="B1291" s="3" t="s">
        <v>339</v>
      </c>
      <c r="C1291" s="284">
        <v>1</v>
      </c>
    </row>
    <row r="1292" spans="1:3" x14ac:dyDescent="0.35">
      <c r="A1292" s="3" t="s">
        <v>1880</v>
      </c>
      <c r="B1292" s="3" t="s">
        <v>339</v>
      </c>
      <c r="C1292" s="284">
        <v>1</v>
      </c>
    </row>
    <row r="1293" spans="1:3" x14ac:dyDescent="0.35">
      <c r="A1293" s="3" t="s">
        <v>885</v>
      </c>
      <c r="B1293" s="3" t="s">
        <v>896</v>
      </c>
      <c r="C1293" s="284">
        <v>1</v>
      </c>
    </row>
    <row r="1294" spans="1:3" x14ac:dyDescent="0.35">
      <c r="A1294" s="3" t="s">
        <v>176</v>
      </c>
      <c r="B1294" s="3" t="s">
        <v>251</v>
      </c>
      <c r="C1294" s="284">
        <v>1</v>
      </c>
    </row>
    <row r="1295" spans="1:3" x14ac:dyDescent="0.35">
      <c r="A1295" s="3" t="s">
        <v>84</v>
      </c>
      <c r="B1295" s="3" t="s">
        <v>109</v>
      </c>
      <c r="C1295" s="284">
        <v>0.89600000000000002</v>
      </c>
    </row>
    <row r="1296" spans="1:3" x14ac:dyDescent="0.35">
      <c r="A1296" s="3" t="s">
        <v>904</v>
      </c>
      <c r="B1296" s="3" t="s">
        <v>942</v>
      </c>
      <c r="C1296" s="284">
        <v>1</v>
      </c>
    </row>
    <row r="1297" spans="1:3" x14ac:dyDescent="0.35">
      <c r="A1297" s="3" t="s">
        <v>2029</v>
      </c>
      <c r="B1297" s="3" t="s">
        <v>2089</v>
      </c>
      <c r="C1297" s="284">
        <v>1</v>
      </c>
    </row>
    <row r="1298" spans="1:3" x14ac:dyDescent="0.35">
      <c r="A1298" s="3" t="s">
        <v>84</v>
      </c>
      <c r="B1298" s="3" t="s">
        <v>110</v>
      </c>
      <c r="C1298" s="284">
        <v>1</v>
      </c>
    </row>
    <row r="1299" spans="1:3" x14ac:dyDescent="0.35">
      <c r="A1299" s="3" t="s">
        <v>1880</v>
      </c>
      <c r="B1299" s="3" t="s">
        <v>1927</v>
      </c>
      <c r="C1299" s="284">
        <v>1</v>
      </c>
    </row>
    <row r="1300" spans="1:3" x14ac:dyDescent="0.35">
      <c r="A1300" s="3" t="s">
        <v>751</v>
      </c>
      <c r="B1300" s="3" t="s">
        <v>820</v>
      </c>
      <c r="C1300" s="284">
        <v>0.86599999999999999</v>
      </c>
    </row>
    <row r="1301" spans="1:3" x14ac:dyDescent="0.35">
      <c r="A1301" s="3" t="s">
        <v>1812</v>
      </c>
      <c r="B1301" s="3" t="s">
        <v>1845</v>
      </c>
      <c r="C1301" s="284">
        <v>1</v>
      </c>
    </row>
    <row r="1302" spans="1:3" x14ac:dyDescent="0.35">
      <c r="A1302" s="3" t="s">
        <v>133</v>
      </c>
      <c r="B1302" s="3" t="s">
        <v>156</v>
      </c>
      <c r="C1302" s="284">
        <v>0.88800000000000001</v>
      </c>
    </row>
    <row r="1303" spans="1:3" x14ac:dyDescent="0.35">
      <c r="A1303" s="3" t="s">
        <v>948</v>
      </c>
      <c r="B1303" s="3" t="s">
        <v>1026</v>
      </c>
      <c r="C1303" s="284">
        <v>1</v>
      </c>
    </row>
    <row r="1304" spans="1:3" x14ac:dyDescent="0.35">
      <c r="A1304" s="3" t="s">
        <v>1744</v>
      </c>
      <c r="B1304" s="3" t="s">
        <v>1766</v>
      </c>
      <c r="C1304" s="284">
        <v>1</v>
      </c>
    </row>
    <row r="1305" spans="1:3" x14ac:dyDescent="0.35">
      <c r="A1305" s="3" t="s">
        <v>904</v>
      </c>
      <c r="B1305" s="3" t="s">
        <v>943</v>
      </c>
      <c r="C1305" s="284">
        <v>1</v>
      </c>
    </row>
    <row r="1306" spans="1:3" x14ac:dyDescent="0.35">
      <c r="A1306" s="3" t="s">
        <v>2133</v>
      </c>
      <c r="B1306" s="3" t="s">
        <v>2258</v>
      </c>
      <c r="C1306" s="284">
        <v>1</v>
      </c>
    </row>
    <row r="1307" spans="1:3" x14ac:dyDescent="0.35">
      <c r="A1307" s="3" t="s">
        <v>84</v>
      </c>
      <c r="B1307" s="3" t="s">
        <v>111</v>
      </c>
      <c r="C1307" s="284">
        <v>0.91600000000000004</v>
      </c>
    </row>
    <row r="1308" spans="1:3" x14ac:dyDescent="0.35">
      <c r="A1308" s="3" t="s">
        <v>176</v>
      </c>
      <c r="B1308" s="3" t="s">
        <v>252</v>
      </c>
      <c r="C1308" s="284">
        <v>1</v>
      </c>
    </row>
    <row r="1309" spans="1:3" x14ac:dyDescent="0.35">
      <c r="A1309" s="3" t="s">
        <v>1861</v>
      </c>
      <c r="B1309" s="3" t="s">
        <v>1877</v>
      </c>
      <c r="C1309" s="284">
        <v>1</v>
      </c>
    </row>
    <row r="1310" spans="1:3" x14ac:dyDescent="0.35">
      <c r="A1310" s="3" t="s">
        <v>751</v>
      </c>
      <c r="B1310" s="3" t="s">
        <v>822</v>
      </c>
      <c r="C1310" s="284">
        <v>1</v>
      </c>
    </row>
    <row r="1311" spans="1:3" x14ac:dyDescent="0.35">
      <c r="A1311" s="3" t="s">
        <v>133</v>
      </c>
      <c r="B1311" s="3" t="s">
        <v>157</v>
      </c>
      <c r="C1311" s="284">
        <v>1</v>
      </c>
    </row>
    <row r="1312" spans="1:3" x14ac:dyDescent="0.35">
      <c r="A1312" s="3" t="s">
        <v>2029</v>
      </c>
      <c r="B1312" s="3" t="s">
        <v>2090</v>
      </c>
      <c r="C1312" s="284">
        <v>1</v>
      </c>
    </row>
    <row r="1313" spans="1:3" x14ac:dyDescent="0.35">
      <c r="A1313" s="3" t="s">
        <v>948</v>
      </c>
      <c r="B1313" s="3" t="s">
        <v>1027</v>
      </c>
      <c r="C1313" s="284">
        <v>1</v>
      </c>
    </row>
    <row r="1314" spans="1:3" x14ac:dyDescent="0.35">
      <c r="A1314" s="3" t="s">
        <v>948</v>
      </c>
      <c r="B1314" s="3" t="s">
        <v>1028</v>
      </c>
      <c r="C1314" s="284">
        <v>1</v>
      </c>
    </row>
    <row r="1315" spans="1:3" x14ac:dyDescent="0.35">
      <c r="A1315" s="3" t="s">
        <v>948</v>
      </c>
      <c r="B1315" s="3" t="s">
        <v>1029</v>
      </c>
      <c r="C1315" s="284">
        <v>1</v>
      </c>
    </row>
    <row r="1316" spans="1:3" x14ac:dyDescent="0.35">
      <c r="A1316" s="3" t="s">
        <v>948</v>
      </c>
      <c r="B1316" s="3" t="s">
        <v>1030</v>
      </c>
      <c r="C1316" s="284">
        <v>1</v>
      </c>
    </row>
    <row r="1317" spans="1:3" x14ac:dyDescent="0.35">
      <c r="A1317" s="3" t="s">
        <v>948</v>
      </c>
      <c r="B1317" s="3" t="s">
        <v>1031</v>
      </c>
      <c r="C1317" s="284">
        <v>1</v>
      </c>
    </row>
    <row r="1318" spans="1:3" x14ac:dyDescent="0.35">
      <c r="A1318" s="3" t="s">
        <v>948</v>
      </c>
      <c r="B1318" s="3" t="s">
        <v>1032</v>
      </c>
      <c r="C1318" s="284">
        <v>1</v>
      </c>
    </row>
    <row r="1319" spans="1:3" x14ac:dyDescent="0.35">
      <c r="A1319" s="3" t="s">
        <v>54</v>
      </c>
      <c r="B1319" s="3" t="s">
        <v>464</v>
      </c>
      <c r="C1319" s="284">
        <v>1</v>
      </c>
    </row>
    <row r="1320" spans="1:3" x14ac:dyDescent="0.35">
      <c r="A1320" s="3" t="s">
        <v>948</v>
      </c>
      <c r="B1320" s="3" t="s">
        <v>1033</v>
      </c>
      <c r="C1320" s="284">
        <v>1</v>
      </c>
    </row>
    <row r="1321" spans="1:3" x14ac:dyDescent="0.35">
      <c r="A1321" s="3" t="s">
        <v>54</v>
      </c>
      <c r="B1321" s="3" t="s">
        <v>480</v>
      </c>
      <c r="C1321" s="284">
        <v>1</v>
      </c>
    </row>
    <row r="1322" spans="1:3" x14ac:dyDescent="0.35">
      <c r="A1322" s="3" t="s">
        <v>948</v>
      </c>
      <c r="B1322" s="3" t="s">
        <v>1034</v>
      </c>
      <c r="C1322" s="284">
        <v>1</v>
      </c>
    </row>
    <row r="1323" spans="1:3" x14ac:dyDescent="0.35">
      <c r="A1323" s="3" t="s">
        <v>948</v>
      </c>
      <c r="B1323" s="3" t="s">
        <v>1035</v>
      </c>
      <c r="C1323" s="284">
        <v>1</v>
      </c>
    </row>
    <row r="1324" spans="1:3" x14ac:dyDescent="0.35">
      <c r="A1324" s="3" t="s">
        <v>1515</v>
      </c>
      <c r="B1324" s="3" t="s">
        <v>1622</v>
      </c>
      <c r="C1324" s="284">
        <v>1</v>
      </c>
    </row>
    <row r="1325" spans="1:3" x14ac:dyDescent="0.35">
      <c r="A1325" s="3" t="s">
        <v>948</v>
      </c>
      <c r="B1325" s="3" t="s">
        <v>1036</v>
      </c>
      <c r="C1325" s="284">
        <v>1</v>
      </c>
    </row>
    <row r="1326" spans="1:3" x14ac:dyDescent="0.35">
      <c r="A1326" s="3" t="s">
        <v>176</v>
      </c>
      <c r="B1326" s="3" t="s">
        <v>291</v>
      </c>
      <c r="C1326" s="284">
        <v>1</v>
      </c>
    </row>
    <row r="1327" spans="1:3" x14ac:dyDescent="0.35">
      <c r="A1327" s="3" t="s">
        <v>948</v>
      </c>
      <c r="B1327" s="3" t="s">
        <v>1037</v>
      </c>
      <c r="C1327" s="284">
        <v>1</v>
      </c>
    </row>
    <row r="1328" spans="1:3" x14ac:dyDescent="0.35">
      <c r="A1328" s="3" t="s">
        <v>948</v>
      </c>
      <c r="B1328" s="3" t="s">
        <v>1038</v>
      </c>
      <c r="C1328" s="284">
        <v>1</v>
      </c>
    </row>
    <row r="1329" spans="1:3" x14ac:dyDescent="0.35">
      <c r="A1329" s="3" t="s">
        <v>948</v>
      </c>
      <c r="B1329" s="3" t="s">
        <v>1039</v>
      </c>
      <c r="C1329" s="284">
        <v>1</v>
      </c>
    </row>
    <row r="1330" spans="1:3" x14ac:dyDescent="0.35">
      <c r="A1330" s="3" t="s">
        <v>948</v>
      </c>
      <c r="B1330" s="3" t="s">
        <v>1040</v>
      </c>
      <c r="C1330" s="284">
        <v>1</v>
      </c>
    </row>
    <row r="1331" spans="1:3" x14ac:dyDescent="0.35">
      <c r="A1331" s="3" t="s">
        <v>948</v>
      </c>
      <c r="B1331" s="3" t="s">
        <v>1041</v>
      </c>
      <c r="C1331" s="284">
        <v>1</v>
      </c>
    </row>
    <row r="1332" spans="1:3" x14ac:dyDescent="0.35">
      <c r="A1332" s="3" t="s">
        <v>948</v>
      </c>
      <c r="B1332" s="3" t="s">
        <v>1042</v>
      </c>
      <c r="C1332" s="284">
        <v>1</v>
      </c>
    </row>
    <row r="1333" spans="1:3" x14ac:dyDescent="0.35">
      <c r="A1333" s="3" t="s">
        <v>948</v>
      </c>
      <c r="B1333" s="3" t="s">
        <v>1043</v>
      </c>
      <c r="C1333" s="284">
        <v>1</v>
      </c>
    </row>
    <row r="1334" spans="1:3" x14ac:dyDescent="0.35">
      <c r="A1334" s="3" t="s">
        <v>948</v>
      </c>
      <c r="B1334" s="3" t="s">
        <v>1044</v>
      </c>
      <c r="C1334" s="284">
        <v>1</v>
      </c>
    </row>
    <row r="1335" spans="1:3" x14ac:dyDescent="0.35">
      <c r="A1335" s="3" t="s">
        <v>2133</v>
      </c>
      <c r="B1335" s="3" t="s">
        <v>2259</v>
      </c>
      <c r="C1335" s="284">
        <v>1</v>
      </c>
    </row>
    <row r="1336" spans="1:3" x14ac:dyDescent="0.35">
      <c r="A1336" s="3" t="s">
        <v>948</v>
      </c>
      <c r="B1336" s="3" t="s">
        <v>1045</v>
      </c>
      <c r="C1336" s="284">
        <v>1</v>
      </c>
    </row>
    <row r="1337" spans="1:3" x14ac:dyDescent="0.35">
      <c r="A1337" s="3" t="s">
        <v>948</v>
      </c>
      <c r="B1337" s="3" t="s">
        <v>1046</v>
      </c>
      <c r="C1337" s="284">
        <v>1</v>
      </c>
    </row>
    <row r="1338" spans="1:3" x14ac:dyDescent="0.35">
      <c r="A1338" s="3" t="s">
        <v>2133</v>
      </c>
      <c r="B1338" s="3" t="s">
        <v>2260</v>
      </c>
      <c r="C1338" s="284">
        <v>1</v>
      </c>
    </row>
    <row r="1339" spans="1:3" x14ac:dyDescent="0.35">
      <c r="A1339" s="3" t="s">
        <v>948</v>
      </c>
      <c r="B1339" s="3" t="s">
        <v>1047</v>
      </c>
      <c r="C1339" s="284">
        <v>1</v>
      </c>
    </row>
    <row r="1340" spans="1:3" x14ac:dyDescent="0.35">
      <c r="A1340" s="3" t="s">
        <v>948</v>
      </c>
      <c r="B1340" s="3" t="s">
        <v>1048</v>
      </c>
      <c r="C1340" s="284">
        <v>1</v>
      </c>
    </row>
    <row r="1341" spans="1:3" x14ac:dyDescent="0.35">
      <c r="A1341" s="3" t="s">
        <v>948</v>
      </c>
      <c r="B1341" s="3" t="s">
        <v>1049</v>
      </c>
      <c r="C1341" s="284">
        <v>1</v>
      </c>
    </row>
    <row r="1342" spans="1:3" x14ac:dyDescent="0.35">
      <c r="A1342" s="3" t="s">
        <v>948</v>
      </c>
      <c r="B1342" s="3" t="s">
        <v>1050</v>
      </c>
      <c r="C1342" s="284">
        <v>1</v>
      </c>
    </row>
    <row r="1343" spans="1:3" x14ac:dyDescent="0.35">
      <c r="A1343" s="3" t="s">
        <v>948</v>
      </c>
      <c r="B1343" s="3" t="s">
        <v>1051</v>
      </c>
      <c r="C1343" s="284">
        <v>1</v>
      </c>
    </row>
    <row r="1344" spans="1:3" x14ac:dyDescent="0.35">
      <c r="A1344" s="3" t="s">
        <v>948</v>
      </c>
      <c r="B1344" s="3" t="s">
        <v>1052</v>
      </c>
      <c r="C1344" s="284">
        <v>1</v>
      </c>
    </row>
    <row r="1345" spans="1:3" x14ac:dyDescent="0.35">
      <c r="A1345" s="3" t="s">
        <v>1744</v>
      </c>
      <c r="B1345" s="3" t="s">
        <v>1767</v>
      </c>
      <c r="C1345" s="284">
        <v>1</v>
      </c>
    </row>
    <row r="1346" spans="1:3" x14ac:dyDescent="0.35">
      <c r="A1346" s="3" t="s">
        <v>948</v>
      </c>
      <c r="B1346" s="3" t="s">
        <v>1053</v>
      </c>
      <c r="C1346" s="284">
        <v>1</v>
      </c>
    </row>
    <row r="1347" spans="1:3" x14ac:dyDescent="0.35">
      <c r="A1347" s="3" t="s">
        <v>1515</v>
      </c>
      <c r="B1347" s="3" t="s">
        <v>1623</v>
      </c>
      <c r="C1347" s="284">
        <v>1</v>
      </c>
    </row>
    <row r="1348" spans="1:3" x14ac:dyDescent="0.35">
      <c r="A1348" s="3" t="s">
        <v>948</v>
      </c>
      <c r="B1348" s="3" t="s">
        <v>1054</v>
      </c>
      <c r="C1348" s="284">
        <v>1</v>
      </c>
    </row>
    <row r="1349" spans="1:3" x14ac:dyDescent="0.35">
      <c r="A1349" s="3" t="s">
        <v>948</v>
      </c>
      <c r="B1349" s="3" t="s">
        <v>1055</v>
      </c>
      <c r="C1349" s="284">
        <v>1</v>
      </c>
    </row>
    <row r="1350" spans="1:3" x14ac:dyDescent="0.35">
      <c r="A1350" s="3" t="s">
        <v>631</v>
      </c>
      <c r="B1350" s="3" t="s">
        <v>699</v>
      </c>
      <c r="C1350" s="284">
        <v>1</v>
      </c>
    </row>
    <row r="1351" spans="1:3" x14ac:dyDescent="0.35">
      <c r="A1351" s="3" t="s">
        <v>948</v>
      </c>
      <c r="B1351" s="3" t="s">
        <v>1056</v>
      </c>
      <c r="C1351" s="284">
        <v>1</v>
      </c>
    </row>
    <row r="1352" spans="1:3" x14ac:dyDescent="0.35">
      <c r="A1352" s="3" t="s">
        <v>948</v>
      </c>
      <c r="B1352" s="3" t="s">
        <v>1057</v>
      </c>
      <c r="C1352" s="284">
        <v>1</v>
      </c>
    </row>
    <row r="1353" spans="1:3" x14ac:dyDescent="0.35">
      <c r="A1353" s="3" t="s">
        <v>948</v>
      </c>
      <c r="B1353" s="3" t="s">
        <v>1058</v>
      </c>
      <c r="C1353" s="284">
        <v>1</v>
      </c>
    </row>
    <row r="1354" spans="1:3" x14ac:dyDescent="0.35">
      <c r="A1354" s="3" t="s">
        <v>948</v>
      </c>
      <c r="B1354" s="3" t="s">
        <v>1059</v>
      </c>
      <c r="C1354" s="284">
        <v>1</v>
      </c>
    </row>
    <row r="1355" spans="1:3" x14ac:dyDescent="0.35">
      <c r="A1355" s="3" t="s">
        <v>948</v>
      </c>
      <c r="B1355" s="3" t="s">
        <v>1060</v>
      </c>
      <c r="C1355" s="284">
        <v>1</v>
      </c>
    </row>
    <row r="1356" spans="1:3" x14ac:dyDescent="0.35">
      <c r="A1356" s="3" t="s">
        <v>948</v>
      </c>
      <c r="B1356" s="3" t="s">
        <v>1061</v>
      </c>
      <c r="C1356" s="284">
        <v>1</v>
      </c>
    </row>
    <row r="1357" spans="1:3" x14ac:dyDescent="0.35">
      <c r="A1357" s="3" t="s">
        <v>948</v>
      </c>
      <c r="B1357" s="3" t="s">
        <v>1062</v>
      </c>
      <c r="C1357" s="284">
        <v>1</v>
      </c>
    </row>
    <row r="1358" spans="1:3" x14ac:dyDescent="0.35">
      <c r="A1358" s="3" t="s">
        <v>948</v>
      </c>
      <c r="B1358" s="3" t="s">
        <v>1068</v>
      </c>
      <c r="C1358" s="284">
        <v>1</v>
      </c>
    </row>
    <row r="1359" spans="1:3" x14ac:dyDescent="0.35">
      <c r="A1359" s="3" t="s">
        <v>54</v>
      </c>
      <c r="B1359" s="3" t="s">
        <v>481</v>
      </c>
      <c r="C1359" s="284">
        <v>1</v>
      </c>
    </row>
    <row r="1360" spans="1:3" x14ac:dyDescent="0.35">
      <c r="A1360" s="3" t="s">
        <v>948</v>
      </c>
      <c r="B1360" s="3" t="s">
        <v>1069</v>
      </c>
      <c r="C1360" s="284">
        <v>1</v>
      </c>
    </row>
    <row r="1361" spans="1:3" x14ac:dyDescent="0.35">
      <c r="A1361" s="3" t="s">
        <v>948</v>
      </c>
      <c r="B1361" s="3" t="s">
        <v>1063</v>
      </c>
      <c r="C1361" s="284">
        <v>1</v>
      </c>
    </row>
    <row r="1362" spans="1:3" x14ac:dyDescent="0.35">
      <c r="A1362" s="3" t="s">
        <v>948</v>
      </c>
      <c r="B1362" s="3" t="s">
        <v>1064</v>
      </c>
      <c r="C1362" s="284">
        <v>1</v>
      </c>
    </row>
    <row r="1363" spans="1:3" x14ac:dyDescent="0.35">
      <c r="A1363" s="3" t="s">
        <v>948</v>
      </c>
      <c r="B1363" s="3" t="s">
        <v>1065</v>
      </c>
      <c r="C1363" s="284">
        <v>1</v>
      </c>
    </row>
    <row r="1364" spans="1:3" x14ac:dyDescent="0.35">
      <c r="A1364" s="3" t="s">
        <v>948</v>
      </c>
      <c r="B1364" s="3" t="s">
        <v>1066</v>
      </c>
      <c r="C1364" s="284">
        <v>1</v>
      </c>
    </row>
    <row r="1365" spans="1:3" x14ac:dyDescent="0.35">
      <c r="A1365" s="3" t="s">
        <v>948</v>
      </c>
      <c r="B1365" s="3" t="s">
        <v>1067</v>
      </c>
      <c r="C1365" s="284">
        <v>1</v>
      </c>
    </row>
    <row r="1366" spans="1:3" x14ac:dyDescent="0.35">
      <c r="A1366" s="3" t="s">
        <v>45</v>
      </c>
      <c r="B1366" s="3" t="s">
        <v>69</v>
      </c>
      <c r="C1366" s="284">
        <v>1</v>
      </c>
    </row>
    <row r="1367" spans="1:3" x14ac:dyDescent="0.35">
      <c r="A1367" s="3" t="s">
        <v>948</v>
      </c>
      <c r="B1367" s="3" t="s">
        <v>1070</v>
      </c>
      <c r="C1367" s="284">
        <v>1</v>
      </c>
    </row>
    <row r="1368" spans="1:3" x14ac:dyDescent="0.35">
      <c r="A1368" s="3" t="s">
        <v>885</v>
      </c>
      <c r="B1368" s="3" t="s">
        <v>897</v>
      </c>
      <c r="C1368" s="284">
        <v>1</v>
      </c>
    </row>
    <row r="1369" spans="1:3" x14ac:dyDescent="0.35">
      <c r="A1369" s="3" t="s">
        <v>948</v>
      </c>
      <c r="B1369" s="3" t="s">
        <v>1071</v>
      </c>
      <c r="C1369" s="284">
        <v>1</v>
      </c>
    </row>
    <row r="1370" spans="1:3" x14ac:dyDescent="0.35">
      <c r="A1370" s="3" t="s">
        <v>84</v>
      </c>
      <c r="B1370" s="3" t="s">
        <v>112</v>
      </c>
      <c r="C1370" s="284">
        <v>1</v>
      </c>
    </row>
    <row r="1371" spans="1:3" x14ac:dyDescent="0.35">
      <c r="A1371" s="3" t="s">
        <v>1945</v>
      </c>
      <c r="B1371" s="3" t="s">
        <v>1968</v>
      </c>
      <c r="C1371" s="284">
        <v>1</v>
      </c>
    </row>
    <row r="1372" spans="1:3" x14ac:dyDescent="0.35">
      <c r="A1372" s="3" t="s">
        <v>948</v>
      </c>
      <c r="B1372" s="3" t="s">
        <v>1072</v>
      </c>
      <c r="C1372" s="284">
        <v>1</v>
      </c>
    </row>
    <row r="1373" spans="1:3" x14ac:dyDescent="0.35">
      <c r="A1373" s="3" t="s">
        <v>1744</v>
      </c>
      <c r="B1373" s="3" t="s">
        <v>1768</v>
      </c>
      <c r="C1373" s="284">
        <v>1</v>
      </c>
    </row>
    <row r="1374" spans="1:3" x14ac:dyDescent="0.35">
      <c r="A1374" s="3" t="s">
        <v>948</v>
      </c>
      <c r="B1374" s="3" t="s">
        <v>1073</v>
      </c>
      <c r="C1374" s="284">
        <v>1</v>
      </c>
    </row>
    <row r="1375" spans="1:3" x14ac:dyDescent="0.35">
      <c r="A1375" s="3" t="s">
        <v>948</v>
      </c>
      <c r="B1375" s="3" t="s">
        <v>1074</v>
      </c>
      <c r="C1375" s="284">
        <v>1</v>
      </c>
    </row>
    <row r="1376" spans="1:3" x14ac:dyDescent="0.35">
      <c r="A1376" s="3" t="s">
        <v>512</v>
      </c>
      <c r="B1376" s="3" t="s">
        <v>580</v>
      </c>
      <c r="C1376" s="284">
        <v>1</v>
      </c>
    </row>
    <row r="1377" spans="1:3" x14ac:dyDescent="0.35">
      <c r="A1377" s="3" t="s">
        <v>176</v>
      </c>
      <c r="B1377" s="3" t="s">
        <v>253</v>
      </c>
      <c r="C1377" s="284">
        <v>0.89600000000000002</v>
      </c>
    </row>
    <row r="1378" spans="1:3" x14ac:dyDescent="0.35">
      <c r="A1378" s="3" t="s">
        <v>948</v>
      </c>
      <c r="B1378" s="3" t="s">
        <v>1075</v>
      </c>
      <c r="C1378" s="284">
        <v>1</v>
      </c>
    </row>
    <row r="1379" spans="1:3" x14ac:dyDescent="0.35">
      <c r="A1379" s="3" t="s">
        <v>948</v>
      </c>
      <c r="B1379" s="3" t="s">
        <v>1076</v>
      </c>
      <c r="C1379" s="284">
        <v>1</v>
      </c>
    </row>
    <row r="1380" spans="1:3" x14ac:dyDescent="0.35">
      <c r="A1380" s="3" t="s">
        <v>1974</v>
      </c>
      <c r="B1380" s="3" t="s">
        <v>2017</v>
      </c>
      <c r="C1380" s="284">
        <v>1</v>
      </c>
    </row>
    <row r="1381" spans="1:3" x14ac:dyDescent="0.35">
      <c r="A1381" s="3" t="s">
        <v>512</v>
      </c>
      <c r="B1381" s="3" t="s">
        <v>581</v>
      </c>
      <c r="C1381" s="284">
        <v>1</v>
      </c>
    </row>
    <row r="1382" spans="1:3" x14ac:dyDescent="0.35">
      <c r="A1382" s="3" t="s">
        <v>133</v>
      </c>
      <c r="B1382" s="3" t="s">
        <v>158</v>
      </c>
      <c r="C1382" s="284">
        <v>1</v>
      </c>
    </row>
    <row r="1383" spans="1:3" x14ac:dyDescent="0.35">
      <c r="A1383" s="3" t="s">
        <v>1515</v>
      </c>
      <c r="B1383" s="3" t="s">
        <v>1624</v>
      </c>
      <c r="C1383" s="284">
        <v>1</v>
      </c>
    </row>
    <row r="1384" spans="1:3" x14ac:dyDescent="0.35">
      <c r="A1384" s="3" t="s">
        <v>45</v>
      </c>
      <c r="B1384" s="3" t="s">
        <v>70</v>
      </c>
      <c r="C1384" s="284">
        <v>1</v>
      </c>
    </row>
    <row r="1385" spans="1:3" x14ac:dyDescent="0.35">
      <c r="A1385" s="3" t="s">
        <v>948</v>
      </c>
      <c r="B1385" s="3" t="s">
        <v>1077</v>
      </c>
      <c r="C1385" s="284">
        <v>1</v>
      </c>
    </row>
    <row r="1386" spans="1:3" x14ac:dyDescent="0.35">
      <c r="A1386" s="3" t="s">
        <v>948</v>
      </c>
      <c r="B1386" s="3" t="s">
        <v>1078</v>
      </c>
      <c r="C1386" s="284">
        <v>1</v>
      </c>
    </row>
    <row r="1387" spans="1:3" x14ac:dyDescent="0.35">
      <c r="A1387" s="3" t="s">
        <v>948</v>
      </c>
      <c r="B1387" s="3" t="s">
        <v>1079</v>
      </c>
      <c r="C1387" s="284">
        <v>1</v>
      </c>
    </row>
    <row r="1388" spans="1:3" x14ac:dyDescent="0.35">
      <c r="A1388" s="3" t="s">
        <v>948</v>
      </c>
      <c r="B1388" s="3" t="s">
        <v>1080</v>
      </c>
      <c r="C1388" s="284">
        <v>1</v>
      </c>
    </row>
    <row r="1389" spans="1:3" x14ac:dyDescent="0.35">
      <c r="A1389" s="3" t="s">
        <v>133</v>
      </c>
      <c r="B1389" s="3" t="s">
        <v>159</v>
      </c>
      <c r="C1389" s="284">
        <v>1</v>
      </c>
    </row>
    <row r="1390" spans="1:3" x14ac:dyDescent="0.35">
      <c r="A1390" s="3" t="s">
        <v>2029</v>
      </c>
      <c r="B1390" s="3" t="s">
        <v>159</v>
      </c>
      <c r="C1390" s="284">
        <v>1</v>
      </c>
    </row>
    <row r="1391" spans="1:3" x14ac:dyDescent="0.35">
      <c r="A1391" s="3" t="s">
        <v>1880</v>
      </c>
      <c r="B1391" s="3" t="s">
        <v>1928</v>
      </c>
      <c r="C1391" s="284">
        <v>1</v>
      </c>
    </row>
    <row r="1392" spans="1:3" x14ac:dyDescent="0.35">
      <c r="A1392" s="3" t="s">
        <v>631</v>
      </c>
      <c r="B1392" s="3" t="s">
        <v>700</v>
      </c>
      <c r="C1392" s="284">
        <v>1</v>
      </c>
    </row>
    <row r="1393" spans="1:3" x14ac:dyDescent="0.35">
      <c r="A1393" s="3" t="s">
        <v>948</v>
      </c>
      <c r="B1393" s="3" t="s">
        <v>1081</v>
      </c>
      <c r="C1393" s="284">
        <v>1</v>
      </c>
    </row>
    <row r="1394" spans="1:3" x14ac:dyDescent="0.35">
      <c r="A1394" s="3" t="s">
        <v>54</v>
      </c>
      <c r="B1394" s="3" t="s">
        <v>474</v>
      </c>
      <c r="C1394" s="284">
        <v>1</v>
      </c>
    </row>
    <row r="1395" spans="1:3" x14ac:dyDescent="0.35">
      <c r="A1395" s="3" t="s">
        <v>948</v>
      </c>
      <c r="B1395" s="3" t="s">
        <v>1082</v>
      </c>
      <c r="C1395" s="284">
        <v>1</v>
      </c>
    </row>
    <row r="1396" spans="1:3" x14ac:dyDescent="0.35">
      <c r="A1396" s="3" t="s">
        <v>1515</v>
      </c>
      <c r="B1396" s="3" t="s">
        <v>1625</v>
      </c>
      <c r="C1396" s="284">
        <v>1</v>
      </c>
    </row>
    <row r="1397" spans="1:3" x14ac:dyDescent="0.35">
      <c r="A1397" s="3" t="s">
        <v>1515</v>
      </c>
      <c r="B1397" s="3" t="s">
        <v>1626</v>
      </c>
      <c r="C1397" s="284">
        <v>1</v>
      </c>
    </row>
    <row r="1398" spans="1:3" x14ac:dyDescent="0.35">
      <c r="A1398" s="3" t="s">
        <v>948</v>
      </c>
      <c r="B1398" s="3" t="s">
        <v>1083</v>
      </c>
      <c r="C1398" s="284">
        <v>1</v>
      </c>
    </row>
    <row r="1399" spans="1:3" x14ac:dyDescent="0.35">
      <c r="A1399" s="3" t="s">
        <v>176</v>
      </c>
      <c r="B1399" s="3" t="s">
        <v>254</v>
      </c>
      <c r="C1399" s="284">
        <v>1</v>
      </c>
    </row>
    <row r="1400" spans="1:3" x14ac:dyDescent="0.35">
      <c r="A1400" s="3" t="s">
        <v>1945</v>
      </c>
      <c r="B1400" s="3" t="s">
        <v>254</v>
      </c>
      <c r="C1400" s="284">
        <v>1</v>
      </c>
    </row>
    <row r="1401" spans="1:3" x14ac:dyDescent="0.35">
      <c r="A1401" s="3" t="s">
        <v>948</v>
      </c>
      <c r="B1401" s="3" t="s">
        <v>1084</v>
      </c>
      <c r="C1401" s="284">
        <v>1</v>
      </c>
    </row>
    <row r="1402" spans="1:3" x14ac:dyDescent="0.35">
      <c r="A1402" s="3" t="s">
        <v>948</v>
      </c>
      <c r="B1402" s="3" t="s">
        <v>1085</v>
      </c>
      <c r="C1402" s="284">
        <v>1</v>
      </c>
    </row>
    <row r="1403" spans="1:3" x14ac:dyDescent="0.35">
      <c r="A1403" s="3" t="s">
        <v>948</v>
      </c>
      <c r="B1403" s="3" t="s">
        <v>1086</v>
      </c>
      <c r="C1403" s="284">
        <v>1</v>
      </c>
    </row>
    <row r="1404" spans="1:3" x14ac:dyDescent="0.35">
      <c r="A1404" s="3" t="s">
        <v>948</v>
      </c>
      <c r="B1404" s="3" t="s">
        <v>1087</v>
      </c>
      <c r="C1404" s="284">
        <v>1</v>
      </c>
    </row>
    <row r="1405" spans="1:3" x14ac:dyDescent="0.35">
      <c r="A1405" s="3" t="s">
        <v>293</v>
      </c>
      <c r="B1405" s="3" t="s">
        <v>340</v>
      </c>
      <c r="C1405" s="284">
        <v>1</v>
      </c>
    </row>
    <row r="1406" spans="1:3" x14ac:dyDescent="0.35">
      <c r="A1406" s="3" t="s">
        <v>293</v>
      </c>
      <c r="B1406" s="3" t="s">
        <v>341</v>
      </c>
      <c r="C1406" s="284">
        <v>1</v>
      </c>
    </row>
    <row r="1407" spans="1:3" x14ac:dyDescent="0.35">
      <c r="A1407" s="3" t="s">
        <v>2</v>
      </c>
      <c r="B1407" s="3" t="s">
        <v>12</v>
      </c>
      <c r="C1407" s="284">
        <v>1</v>
      </c>
    </row>
    <row r="1408" spans="1:3" x14ac:dyDescent="0.35">
      <c r="A1408" s="3" t="s">
        <v>948</v>
      </c>
      <c r="B1408" s="3" t="s">
        <v>1088</v>
      </c>
      <c r="C1408" s="284">
        <v>1</v>
      </c>
    </row>
    <row r="1409" spans="1:3" x14ac:dyDescent="0.35">
      <c r="A1409" s="3" t="s">
        <v>293</v>
      </c>
      <c r="B1409" s="3" t="s">
        <v>342</v>
      </c>
      <c r="C1409" s="284">
        <v>1</v>
      </c>
    </row>
    <row r="1410" spans="1:3" x14ac:dyDescent="0.35">
      <c r="A1410" s="3" t="s">
        <v>133</v>
      </c>
      <c r="B1410" s="3" t="s">
        <v>160</v>
      </c>
      <c r="C1410" s="284">
        <v>1</v>
      </c>
    </row>
    <row r="1411" spans="1:3" x14ac:dyDescent="0.35">
      <c r="A1411" s="3" t="s">
        <v>948</v>
      </c>
      <c r="B1411" s="3" t="s">
        <v>1089</v>
      </c>
      <c r="C1411" s="284">
        <v>1</v>
      </c>
    </row>
    <row r="1412" spans="1:3" x14ac:dyDescent="0.35">
      <c r="A1412" s="3" t="s">
        <v>948</v>
      </c>
      <c r="B1412" s="3" t="s">
        <v>1090</v>
      </c>
      <c r="C1412" s="284">
        <v>1</v>
      </c>
    </row>
    <row r="1413" spans="1:3" x14ac:dyDescent="0.35">
      <c r="A1413" s="3" t="s">
        <v>948</v>
      </c>
      <c r="B1413" s="3" t="s">
        <v>1091</v>
      </c>
      <c r="C1413" s="284">
        <v>1</v>
      </c>
    </row>
    <row r="1414" spans="1:3" x14ac:dyDescent="0.35">
      <c r="A1414" s="3" t="s">
        <v>948</v>
      </c>
      <c r="B1414" s="3" t="s">
        <v>1092</v>
      </c>
      <c r="C1414" s="284">
        <v>1</v>
      </c>
    </row>
    <row r="1415" spans="1:3" x14ac:dyDescent="0.35">
      <c r="A1415" s="3" t="s">
        <v>948</v>
      </c>
      <c r="B1415" s="3" t="s">
        <v>1093</v>
      </c>
      <c r="C1415" s="284">
        <v>1</v>
      </c>
    </row>
    <row r="1416" spans="1:3" x14ac:dyDescent="0.35">
      <c r="A1416" s="3" t="s">
        <v>948</v>
      </c>
      <c r="B1416" s="3" t="s">
        <v>1094</v>
      </c>
      <c r="C1416" s="284">
        <v>1</v>
      </c>
    </row>
    <row r="1417" spans="1:3" x14ac:dyDescent="0.35">
      <c r="A1417" s="3" t="s">
        <v>948</v>
      </c>
      <c r="B1417" s="3" t="s">
        <v>1095</v>
      </c>
      <c r="C1417" s="284">
        <v>1</v>
      </c>
    </row>
    <row r="1418" spans="1:3" x14ac:dyDescent="0.35">
      <c r="A1418" s="3" t="s">
        <v>948</v>
      </c>
      <c r="B1418" s="3" t="s">
        <v>1096</v>
      </c>
      <c r="C1418" s="284">
        <v>1</v>
      </c>
    </row>
    <row r="1419" spans="1:3" x14ac:dyDescent="0.35">
      <c r="A1419" s="3" t="s">
        <v>948</v>
      </c>
      <c r="B1419" s="3" t="s">
        <v>1097</v>
      </c>
      <c r="C1419" s="284">
        <v>1</v>
      </c>
    </row>
    <row r="1420" spans="1:3" x14ac:dyDescent="0.35">
      <c r="A1420" s="3" t="s">
        <v>948</v>
      </c>
      <c r="B1420" s="3" t="s">
        <v>1098</v>
      </c>
      <c r="C1420" s="284">
        <v>1</v>
      </c>
    </row>
    <row r="1421" spans="1:3" x14ac:dyDescent="0.35">
      <c r="A1421" s="3" t="s">
        <v>1974</v>
      </c>
      <c r="B1421" s="3" t="s">
        <v>2018</v>
      </c>
      <c r="C1421" s="284">
        <v>1</v>
      </c>
    </row>
    <row r="1422" spans="1:3" x14ac:dyDescent="0.35">
      <c r="A1422" s="3" t="s">
        <v>948</v>
      </c>
      <c r="B1422" s="3" t="s">
        <v>1099</v>
      </c>
      <c r="C1422" s="284">
        <v>1</v>
      </c>
    </row>
    <row r="1423" spans="1:3" x14ac:dyDescent="0.35">
      <c r="A1423" s="3" t="s">
        <v>512</v>
      </c>
      <c r="B1423" s="3" t="s">
        <v>618</v>
      </c>
      <c r="C1423" s="284">
        <v>1</v>
      </c>
    </row>
    <row r="1424" spans="1:3" x14ac:dyDescent="0.35">
      <c r="A1424" s="3" t="s">
        <v>1515</v>
      </c>
      <c r="B1424" s="3" t="s">
        <v>1627</v>
      </c>
      <c r="C1424" s="284">
        <v>1</v>
      </c>
    </row>
    <row r="1425" spans="1:3" x14ac:dyDescent="0.35">
      <c r="A1425" s="3" t="s">
        <v>948</v>
      </c>
      <c r="B1425" s="3" t="s">
        <v>1100</v>
      </c>
      <c r="C1425" s="284">
        <v>1</v>
      </c>
    </row>
    <row r="1426" spans="1:3" x14ac:dyDescent="0.35">
      <c r="A1426" s="3" t="s">
        <v>1515</v>
      </c>
      <c r="B1426" s="3" t="s">
        <v>1628</v>
      </c>
      <c r="C1426" s="284">
        <v>1</v>
      </c>
    </row>
    <row r="1427" spans="1:3" x14ac:dyDescent="0.35">
      <c r="A1427" s="3" t="s">
        <v>1861</v>
      </c>
      <c r="B1427" s="3" t="s">
        <v>1878</v>
      </c>
      <c r="C1427" s="284">
        <v>1</v>
      </c>
    </row>
    <row r="1428" spans="1:3" x14ac:dyDescent="0.35">
      <c r="A1428" s="3" t="s">
        <v>512</v>
      </c>
      <c r="B1428" s="3" t="s">
        <v>630</v>
      </c>
      <c r="C1428" s="284">
        <v>1</v>
      </c>
    </row>
    <row r="1429" spans="1:3" x14ac:dyDescent="0.35">
      <c r="A1429" s="3" t="s">
        <v>1880</v>
      </c>
      <c r="B1429" s="3" t="s">
        <v>1944</v>
      </c>
      <c r="C1429" s="284">
        <v>1</v>
      </c>
    </row>
    <row r="1430" spans="1:3" x14ac:dyDescent="0.35">
      <c r="A1430" s="3" t="s">
        <v>948</v>
      </c>
      <c r="B1430" s="3" t="s">
        <v>1101</v>
      </c>
      <c r="C1430" s="284">
        <v>1</v>
      </c>
    </row>
    <row r="1431" spans="1:3" x14ac:dyDescent="0.35">
      <c r="A1431" s="3" t="s">
        <v>948</v>
      </c>
      <c r="B1431" s="3" t="s">
        <v>1102</v>
      </c>
      <c r="C1431" s="284">
        <v>1</v>
      </c>
    </row>
    <row r="1432" spans="1:3" x14ac:dyDescent="0.35">
      <c r="A1432" s="3" t="s">
        <v>948</v>
      </c>
      <c r="B1432" s="3" t="s">
        <v>1103</v>
      </c>
      <c r="C1432" s="284">
        <v>1</v>
      </c>
    </row>
    <row r="1433" spans="1:3" x14ac:dyDescent="0.35">
      <c r="A1433" s="3" t="s">
        <v>948</v>
      </c>
      <c r="B1433" s="3" t="s">
        <v>1104</v>
      </c>
      <c r="C1433" s="284">
        <v>1</v>
      </c>
    </row>
    <row r="1434" spans="1:3" x14ac:dyDescent="0.35">
      <c r="A1434" s="3" t="s">
        <v>948</v>
      </c>
      <c r="B1434" s="3" t="s">
        <v>1105</v>
      </c>
      <c r="C1434" s="284">
        <v>1</v>
      </c>
    </row>
    <row r="1435" spans="1:3" x14ac:dyDescent="0.35">
      <c r="A1435" s="3" t="s">
        <v>1880</v>
      </c>
      <c r="B1435" s="3" t="s">
        <v>1929</v>
      </c>
      <c r="C1435" s="284">
        <v>1</v>
      </c>
    </row>
    <row r="1436" spans="1:3" x14ac:dyDescent="0.35">
      <c r="A1436" s="3" t="s">
        <v>948</v>
      </c>
      <c r="B1436" s="3" t="s">
        <v>1106</v>
      </c>
      <c r="C1436" s="284">
        <v>1</v>
      </c>
    </row>
    <row r="1437" spans="1:3" x14ac:dyDescent="0.35">
      <c r="A1437" s="3" t="s">
        <v>948</v>
      </c>
      <c r="B1437" s="3" t="s">
        <v>1107</v>
      </c>
      <c r="C1437" s="284">
        <v>1</v>
      </c>
    </row>
    <row r="1438" spans="1:3" x14ac:dyDescent="0.35">
      <c r="A1438" s="3" t="s">
        <v>948</v>
      </c>
      <c r="B1438" s="3" t="s">
        <v>1108</v>
      </c>
      <c r="C1438" s="284">
        <v>1</v>
      </c>
    </row>
    <row r="1439" spans="1:3" x14ac:dyDescent="0.35">
      <c r="A1439" s="3" t="s">
        <v>948</v>
      </c>
      <c r="B1439" s="3" t="s">
        <v>1109</v>
      </c>
      <c r="C1439" s="284">
        <v>1</v>
      </c>
    </row>
    <row r="1440" spans="1:3" x14ac:dyDescent="0.35">
      <c r="A1440" s="3" t="s">
        <v>948</v>
      </c>
      <c r="B1440" s="3" t="s">
        <v>1110</v>
      </c>
      <c r="C1440" s="284">
        <v>1</v>
      </c>
    </row>
    <row r="1441" spans="1:3" x14ac:dyDescent="0.35">
      <c r="A1441" s="3" t="s">
        <v>1515</v>
      </c>
      <c r="B1441" s="3" t="s">
        <v>1629</v>
      </c>
      <c r="C1441" s="284">
        <v>1</v>
      </c>
    </row>
    <row r="1442" spans="1:3" x14ac:dyDescent="0.35">
      <c r="A1442" s="3" t="s">
        <v>948</v>
      </c>
      <c r="B1442" s="3" t="s">
        <v>1495</v>
      </c>
      <c r="C1442" s="284">
        <v>1</v>
      </c>
    </row>
    <row r="1443" spans="1:3" x14ac:dyDescent="0.35">
      <c r="A1443" s="3" t="s">
        <v>1515</v>
      </c>
      <c r="B1443" s="3" t="s">
        <v>1630</v>
      </c>
      <c r="C1443" s="284">
        <v>1</v>
      </c>
    </row>
    <row r="1444" spans="1:3" x14ac:dyDescent="0.35">
      <c r="A1444" s="3" t="s">
        <v>1974</v>
      </c>
      <c r="B1444" s="3" t="s">
        <v>2019</v>
      </c>
      <c r="C1444" s="284">
        <v>1</v>
      </c>
    </row>
    <row r="1445" spans="1:3" x14ac:dyDescent="0.35">
      <c r="A1445" s="3" t="s">
        <v>1718</v>
      </c>
      <c r="B1445" s="3" t="s">
        <v>1732</v>
      </c>
      <c r="C1445" s="284">
        <v>1</v>
      </c>
    </row>
    <row r="1446" spans="1:3" x14ac:dyDescent="0.35">
      <c r="A1446" s="3" t="s">
        <v>948</v>
      </c>
      <c r="B1446" s="3" t="s">
        <v>1111</v>
      </c>
      <c r="C1446" s="284">
        <v>1</v>
      </c>
    </row>
    <row r="1447" spans="1:3" x14ac:dyDescent="0.35">
      <c r="A1447" s="3" t="s">
        <v>948</v>
      </c>
      <c r="B1447" s="3" t="s">
        <v>1112</v>
      </c>
      <c r="C1447" s="284">
        <v>1</v>
      </c>
    </row>
    <row r="1448" spans="1:3" x14ac:dyDescent="0.35">
      <c r="A1448" s="3" t="s">
        <v>1515</v>
      </c>
      <c r="B1448" s="3" t="s">
        <v>1631</v>
      </c>
      <c r="C1448" s="284">
        <v>1</v>
      </c>
    </row>
    <row r="1449" spans="1:3" x14ac:dyDescent="0.35">
      <c r="A1449" s="3" t="s">
        <v>948</v>
      </c>
      <c r="B1449" s="3" t="s">
        <v>1113</v>
      </c>
      <c r="C1449" s="284">
        <v>1</v>
      </c>
    </row>
    <row r="1450" spans="1:3" x14ac:dyDescent="0.35">
      <c r="A1450" s="3" t="s">
        <v>2</v>
      </c>
      <c r="B1450" s="3" t="s">
        <v>9</v>
      </c>
      <c r="C1450" s="284">
        <v>1</v>
      </c>
    </row>
    <row r="1451" spans="1:3" x14ac:dyDescent="0.35">
      <c r="A1451" s="3" t="s">
        <v>948</v>
      </c>
      <c r="B1451" s="3" t="s">
        <v>1114</v>
      </c>
      <c r="C1451" s="284">
        <v>1</v>
      </c>
    </row>
    <row r="1452" spans="1:3" x14ac:dyDescent="0.35">
      <c r="A1452" s="3" t="s">
        <v>948</v>
      </c>
      <c r="B1452" s="3" t="s">
        <v>1019</v>
      </c>
      <c r="C1452" s="284">
        <v>1</v>
      </c>
    </row>
    <row r="1453" spans="1:3" x14ac:dyDescent="0.35">
      <c r="A1453" s="3" t="s">
        <v>631</v>
      </c>
      <c r="B1453" s="3" t="s">
        <v>749</v>
      </c>
      <c r="C1453" s="284">
        <v>1</v>
      </c>
    </row>
    <row r="1454" spans="1:3" x14ac:dyDescent="0.35">
      <c r="A1454" s="3" t="s">
        <v>948</v>
      </c>
      <c r="B1454" s="3" t="s">
        <v>1115</v>
      </c>
      <c r="C1454" s="284">
        <v>1</v>
      </c>
    </row>
    <row r="1455" spans="1:3" x14ac:dyDescent="0.35">
      <c r="A1455" s="3" t="s">
        <v>948</v>
      </c>
      <c r="B1455" s="3" t="s">
        <v>1116</v>
      </c>
      <c r="C1455" s="284">
        <v>1</v>
      </c>
    </row>
    <row r="1456" spans="1:3" x14ac:dyDescent="0.35">
      <c r="A1456" s="3" t="s">
        <v>133</v>
      </c>
      <c r="B1456" s="3" t="s">
        <v>161</v>
      </c>
      <c r="C1456" s="284">
        <v>1</v>
      </c>
    </row>
    <row r="1457" spans="1:3" x14ac:dyDescent="0.35">
      <c r="A1457" s="3" t="s">
        <v>948</v>
      </c>
      <c r="B1457" s="3" t="s">
        <v>1117</v>
      </c>
      <c r="C1457" s="284">
        <v>1</v>
      </c>
    </row>
    <row r="1458" spans="1:3" x14ac:dyDescent="0.35">
      <c r="A1458" s="3" t="s">
        <v>1515</v>
      </c>
      <c r="B1458" s="3" t="s">
        <v>1632</v>
      </c>
      <c r="C1458" s="284">
        <v>1</v>
      </c>
    </row>
    <row r="1459" spans="1:3" x14ac:dyDescent="0.35">
      <c r="A1459" s="3" t="s">
        <v>1974</v>
      </c>
      <c r="B1459" s="3" t="s">
        <v>2020</v>
      </c>
      <c r="C1459" s="284">
        <v>1</v>
      </c>
    </row>
    <row r="1460" spans="1:3" x14ac:dyDescent="0.35">
      <c r="A1460" s="3" t="s">
        <v>948</v>
      </c>
      <c r="B1460" s="3" t="s">
        <v>1118</v>
      </c>
      <c r="C1460" s="284">
        <v>1</v>
      </c>
    </row>
    <row r="1461" spans="1:3" x14ac:dyDescent="0.35">
      <c r="A1461" s="3" t="s">
        <v>948</v>
      </c>
      <c r="B1461" s="3" t="s">
        <v>1119</v>
      </c>
      <c r="C1461" s="284">
        <v>1</v>
      </c>
    </row>
    <row r="1462" spans="1:3" x14ac:dyDescent="0.35">
      <c r="A1462" s="3" t="s">
        <v>1515</v>
      </c>
      <c r="B1462" s="3" t="s">
        <v>1633</v>
      </c>
      <c r="C1462" s="284">
        <v>1</v>
      </c>
    </row>
    <row r="1463" spans="1:3" x14ac:dyDescent="0.35">
      <c r="A1463" s="3" t="s">
        <v>948</v>
      </c>
      <c r="B1463" s="3" t="s">
        <v>1120</v>
      </c>
      <c r="C1463" s="284">
        <v>1</v>
      </c>
    </row>
    <row r="1464" spans="1:3" x14ac:dyDescent="0.35">
      <c r="A1464" s="3" t="s">
        <v>1515</v>
      </c>
      <c r="B1464" s="3" t="s">
        <v>1634</v>
      </c>
      <c r="C1464" s="284">
        <v>1</v>
      </c>
    </row>
    <row r="1465" spans="1:3" x14ac:dyDescent="0.35">
      <c r="A1465" s="3" t="s">
        <v>948</v>
      </c>
      <c r="B1465" s="3" t="s">
        <v>1121</v>
      </c>
      <c r="C1465" s="284">
        <v>1</v>
      </c>
    </row>
    <row r="1466" spans="1:3" x14ac:dyDescent="0.35">
      <c r="A1466" s="3" t="s">
        <v>948</v>
      </c>
      <c r="B1466" s="3" t="s">
        <v>1122</v>
      </c>
      <c r="C1466" s="284">
        <v>1</v>
      </c>
    </row>
    <row r="1467" spans="1:3" x14ac:dyDescent="0.35">
      <c r="A1467" s="3" t="s">
        <v>948</v>
      </c>
      <c r="B1467" s="3" t="s">
        <v>1123</v>
      </c>
      <c r="C1467" s="284">
        <v>1</v>
      </c>
    </row>
    <row r="1468" spans="1:3" x14ac:dyDescent="0.35">
      <c r="A1468" s="3" t="s">
        <v>948</v>
      </c>
      <c r="B1468" s="3" t="s">
        <v>1124</v>
      </c>
      <c r="C1468" s="284">
        <v>1</v>
      </c>
    </row>
    <row r="1469" spans="1:3" x14ac:dyDescent="0.35">
      <c r="A1469" s="3" t="s">
        <v>948</v>
      </c>
      <c r="B1469" s="3" t="s">
        <v>1125</v>
      </c>
      <c r="C1469" s="284">
        <v>1</v>
      </c>
    </row>
    <row r="1470" spans="1:3" x14ac:dyDescent="0.35">
      <c r="A1470" s="3" t="s">
        <v>948</v>
      </c>
      <c r="B1470" s="3" t="s">
        <v>1126</v>
      </c>
      <c r="C1470" s="284">
        <v>1</v>
      </c>
    </row>
    <row r="1471" spans="1:3" x14ac:dyDescent="0.35">
      <c r="A1471" s="3" t="s">
        <v>948</v>
      </c>
      <c r="B1471" s="3" t="s">
        <v>1127</v>
      </c>
      <c r="C1471" s="284">
        <v>1</v>
      </c>
    </row>
    <row r="1472" spans="1:3" x14ac:dyDescent="0.35">
      <c r="A1472" s="3" t="s">
        <v>948</v>
      </c>
      <c r="B1472" s="3" t="s">
        <v>1129</v>
      </c>
      <c r="C1472" s="284">
        <v>1</v>
      </c>
    </row>
    <row r="1473" spans="1:3" x14ac:dyDescent="0.35">
      <c r="A1473" s="3" t="s">
        <v>948</v>
      </c>
      <c r="B1473" s="3" t="s">
        <v>1128</v>
      </c>
      <c r="C1473" s="284">
        <v>1</v>
      </c>
    </row>
    <row r="1474" spans="1:3" x14ac:dyDescent="0.35">
      <c r="A1474" s="3" t="s">
        <v>948</v>
      </c>
      <c r="B1474" s="3" t="s">
        <v>1130</v>
      </c>
      <c r="C1474" s="284">
        <v>1</v>
      </c>
    </row>
    <row r="1475" spans="1:3" x14ac:dyDescent="0.35">
      <c r="A1475" s="3" t="s">
        <v>948</v>
      </c>
      <c r="B1475" s="3" t="s">
        <v>1504</v>
      </c>
      <c r="C1475" s="284">
        <v>1</v>
      </c>
    </row>
    <row r="1476" spans="1:3" x14ac:dyDescent="0.35">
      <c r="A1476" s="3" t="s">
        <v>948</v>
      </c>
      <c r="B1476" s="3" t="s">
        <v>1131</v>
      </c>
      <c r="C1476" s="284">
        <v>1</v>
      </c>
    </row>
    <row r="1477" spans="1:3" x14ac:dyDescent="0.35">
      <c r="A1477" s="3" t="s">
        <v>176</v>
      </c>
      <c r="B1477" s="3" t="s">
        <v>285</v>
      </c>
      <c r="C1477" s="284">
        <v>1</v>
      </c>
    </row>
    <row r="1478" spans="1:3" x14ac:dyDescent="0.35">
      <c r="A1478" s="3" t="s">
        <v>948</v>
      </c>
      <c r="B1478" s="3" t="s">
        <v>1137</v>
      </c>
      <c r="C1478" s="284">
        <v>1</v>
      </c>
    </row>
    <row r="1479" spans="1:3" x14ac:dyDescent="0.35">
      <c r="A1479" s="3" t="s">
        <v>948</v>
      </c>
      <c r="B1479" s="3" t="s">
        <v>1138</v>
      </c>
      <c r="C1479" s="284">
        <v>1</v>
      </c>
    </row>
    <row r="1480" spans="1:3" x14ac:dyDescent="0.35">
      <c r="A1480" s="3" t="s">
        <v>948</v>
      </c>
      <c r="B1480" s="3" t="s">
        <v>1132</v>
      </c>
      <c r="C1480" s="284">
        <v>1</v>
      </c>
    </row>
    <row r="1481" spans="1:3" x14ac:dyDescent="0.35">
      <c r="A1481" s="3" t="s">
        <v>948</v>
      </c>
      <c r="B1481" s="3" t="s">
        <v>1133</v>
      </c>
      <c r="C1481" s="284">
        <v>1</v>
      </c>
    </row>
    <row r="1482" spans="1:3" x14ac:dyDescent="0.35">
      <c r="A1482" s="3" t="s">
        <v>948</v>
      </c>
      <c r="B1482" s="3" t="s">
        <v>1134</v>
      </c>
      <c r="C1482" s="284">
        <v>1</v>
      </c>
    </row>
    <row r="1483" spans="1:3" x14ac:dyDescent="0.35">
      <c r="A1483" s="3" t="s">
        <v>948</v>
      </c>
      <c r="B1483" s="3" t="s">
        <v>1135</v>
      </c>
      <c r="C1483" s="284">
        <v>1</v>
      </c>
    </row>
    <row r="1484" spans="1:3" x14ac:dyDescent="0.35">
      <c r="A1484" s="3" t="s">
        <v>948</v>
      </c>
      <c r="B1484" s="3" t="s">
        <v>1136</v>
      </c>
      <c r="C1484" s="284">
        <v>1</v>
      </c>
    </row>
    <row r="1485" spans="1:3" x14ac:dyDescent="0.35">
      <c r="A1485" s="3" t="s">
        <v>45</v>
      </c>
      <c r="B1485" s="3" t="s">
        <v>71</v>
      </c>
      <c r="C1485" s="284">
        <v>1</v>
      </c>
    </row>
    <row r="1486" spans="1:3" x14ac:dyDescent="0.35">
      <c r="A1486" s="3" t="s">
        <v>948</v>
      </c>
      <c r="B1486" s="3" t="s">
        <v>1151</v>
      </c>
      <c r="C1486" s="284">
        <v>1</v>
      </c>
    </row>
    <row r="1487" spans="1:3" x14ac:dyDescent="0.35">
      <c r="A1487" s="3" t="s">
        <v>512</v>
      </c>
      <c r="B1487" s="3" t="s">
        <v>582</v>
      </c>
      <c r="C1487" s="284">
        <v>1</v>
      </c>
    </row>
    <row r="1488" spans="1:3" x14ac:dyDescent="0.35">
      <c r="A1488" s="3" t="s">
        <v>84</v>
      </c>
      <c r="B1488" s="3" t="s">
        <v>113</v>
      </c>
      <c r="C1488" s="284">
        <v>1</v>
      </c>
    </row>
    <row r="1489" spans="1:3" x14ac:dyDescent="0.35">
      <c r="A1489" s="3" t="s">
        <v>948</v>
      </c>
      <c r="B1489" s="3" t="s">
        <v>1139</v>
      </c>
      <c r="C1489" s="284">
        <v>1</v>
      </c>
    </row>
    <row r="1490" spans="1:3" x14ac:dyDescent="0.35">
      <c r="A1490" s="3" t="s">
        <v>45</v>
      </c>
      <c r="B1490" s="3" t="s">
        <v>72</v>
      </c>
      <c r="C1490" s="284">
        <v>1</v>
      </c>
    </row>
    <row r="1491" spans="1:3" x14ac:dyDescent="0.35">
      <c r="A1491" s="3" t="s">
        <v>948</v>
      </c>
      <c r="B1491" s="3" t="s">
        <v>72</v>
      </c>
      <c r="C1491" s="284">
        <v>1</v>
      </c>
    </row>
    <row r="1492" spans="1:3" x14ac:dyDescent="0.35">
      <c r="A1492" s="3" t="s">
        <v>1718</v>
      </c>
      <c r="B1492" s="3" t="s">
        <v>72</v>
      </c>
      <c r="C1492" s="284">
        <v>1</v>
      </c>
    </row>
    <row r="1493" spans="1:3" x14ac:dyDescent="0.35">
      <c r="A1493" s="3" t="s">
        <v>948</v>
      </c>
      <c r="B1493" s="3" t="s">
        <v>1140</v>
      </c>
      <c r="C1493" s="284">
        <v>1</v>
      </c>
    </row>
    <row r="1494" spans="1:3" x14ac:dyDescent="0.35">
      <c r="A1494" s="3" t="s">
        <v>2133</v>
      </c>
      <c r="B1494" s="3" t="s">
        <v>2261</v>
      </c>
      <c r="C1494" s="284">
        <v>1</v>
      </c>
    </row>
    <row r="1495" spans="1:3" x14ac:dyDescent="0.35">
      <c r="A1495" s="3" t="s">
        <v>948</v>
      </c>
      <c r="B1495" s="3" t="s">
        <v>1141</v>
      </c>
      <c r="C1495" s="284">
        <v>1</v>
      </c>
    </row>
    <row r="1496" spans="1:3" x14ac:dyDescent="0.35">
      <c r="A1496" s="3" t="s">
        <v>948</v>
      </c>
      <c r="B1496" s="3" t="s">
        <v>1142</v>
      </c>
      <c r="C1496" s="284">
        <v>1</v>
      </c>
    </row>
    <row r="1497" spans="1:3" x14ac:dyDescent="0.35">
      <c r="A1497" s="3" t="s">
        <v>948</v>
      </c>
      <c r="B1497" s="3" t="s">
        <v>1143</v>
      </c>
      <c r="C1497" s="284">
        <v>1</v>
      </c>
    </row>
    <row r="1498" spans="1:3" x14ac:dyDescent="0.35">
      <c r="A1498" s="3" t="s">
        <v>1974</v>
      </c>
      <c r="B1498" s="3" t="s">
        <v>2021</v>
      </c>
      <c r="C1498" s="284">
        <v>1</v>
      </c>
    </row>
    <row r="1499" spans="1:3" x14ac:dyDescent="0.35">
      <c r="A1499" s="3" t="s">
        <v>948</v>
      </c>
      <c r="B1499" s="3" t="s">
        <v>1144</v>
      </c>
      <c r="C1499" s="284">
        <v>1</v>
      </c>
    </row>
    <row r="1500" spans="1:3" x14ac:dyDescent="0.35">
      <c r="A1500" s="3" t="s">
        <v>948</v>
      </c>
      <c r="B1500" s="3" t="s">
        <v>1145</v>
      </c>
      <c r="C1500" s="284">
        <v>1</v>
      </c>
    </row>
    <row r="1501" spans="1:3" x14ac:dyDescent="0.35">
      <c r="A1501" s="3" t="s">
        <v>948</v>
      </c>
      <c r="B1501" s="3" t="s">
        <v>1146</v>
      </c>
      <c r="C1501" s="284">
        <v>1</v>
      </c>
    </row>
    <row r="1502" spans="1:3" x14ac:dyDescent="0.35">
      <c r="A1502" s="3" t="s">
        <v>948</v>
      </c>
      <c r="B1502" s="3" t="s">
        <v>1147</v>
      </c>
      <c r="C1502" s="284">
        <v>1</v>
      </c>
    </row>
    <row r="1503" spans="1:3" x14ac:dyDescent="0.35">
      <c r="A1503" s="3" t="s">
        <v>948</v>
      </c>
      <c r="B1503" s="3" t="s">
        <v>1148</v>
      </c>
      <c r="C1503" s="284">
        <v>1</v>
      </c>
    </row>
    <row r="1504" spans="1:3" x14ac:dyDescent="0.35">
      <c r="A1504" s="3" t="s">
        <v>948</v>
      </c>
      <c r="B1504" s="3" t="s">
        <v>1149</v>
      </c>
      <c r="C1504" s="284">
        <v>1</v>
      </c>
    </row>
    <row r="1505" spans="1:3" x14ac:dyDescent="0.35">
      <c r="A1505" s="3" t="s">
        <v>948</v>
      </c>
      <c r="B1505" s="3" t="s">
        <v>1150</v>
      </c>
      <c r="C1505" s="284">
        <v>1</v>
      </c>
    </row>
    <row r="1506" spans="1:3" x14ac:dyDescent="0.35">
      <c r="A1506" s="3" t="s">
        <v>948</v>
      </c>
      <c r="B1506" s="3" t="s">
        <v>1152</v>
      </c>
      <c r="C1506" s="284">
        <v>1</v>
      </c>
    </row>
    <row r="1507" spans="1:3" x14ac:dyDescent="0.35">
      <c r="A1507" s="3" t="s">
        <v>948</v>
      </c>
      <c r="B1507" s="3" t="s">
        <v>1153</v>
      </c>
      <c r="C1507" s="284">
        <v>1</v>
      </c>
    </row>
    <row r="1508" spans="1:3" x14ac:dyDescent="0.35">
      <c r="A1508" s="3" t="s">
        <v>948</v>
      </c>
      <c r="B1508" s="3" t="s">
        <v>1154</v>
      </c>
      <c r="C1508" s="284">
        <v>1</v>
      </c>
    </row>
    <row r="1509" spans="1:3" x14ac:dyDescent="0.35">
      <c r="A1509" s="3" t="s">
        <v>948</v>
      </c>
      <c r="B1509" s="3" t="s">
        <v>1155</v>
      </c>
      <c r="C1509" s="284">
        <v>1</v>
      </c>
    </row>
    <row r="1510" spans="1:3" x14ac:dyDescent="0.35">
      <c r="A1510" s="3" t="s">
        <v>948</v>
      </c>
      <c r="B1510" s="3" t="s">
        <v>1156</v>
      </c>
      <c r="C1510" s="284">
        <v>1</v>
      </c>
    </row>
    <row r="1511" spans="1:3" x14ac:dyDescent="0.35">
      <c r="A1511" s="3" t="s">
        <v>948</v>
      </c>
      <c r="B1511" s="3" t="s">
        <v>1157</v>
      </c>
      <c r="C1511" s="284">
        <v>1</v>
      </c>
    </row>
    <row r="1512" spans="1:3" x14ac:dyDescent="0.35">
      <c r="A1512" s="3" t="s">
        <v>948</v>
      </c>
      <c r="B1512" s="3" t="s">
        <v>1158</v>
      </c>
      <c r="C1512" s="284">
        <v>1</v>
      </c>
    </row>
    <row r="1513" spans="1:3" x14ac:dyDescent="0.35">
      <c r="A1513" s="3" t="s">
        <v>948</v>
      </c>
      <c r="B1513" s="3" t="s">
        <v>1159</v>
      </c>
      <c r="C1513" s="284">
        <v>1</v>
      </c>
    </row>
    <row r="1514" spans="1:3" x14ac:dyDescent="0.35">
      <c r="A1514" s="3" t="s">
        <v>948</v>
      </c>
      <c r="B1514" s="3" t="s">
        <v>1160</v>
      </c>
      <c r="C1514" s="284">
        <v>1</v>
      </c>
    </row>
    <row r="1515" spans="1:3" x14ac:dyDescent="0.35">
      <c r="A1515" s="3" t="s">
        <v>948</v>
      </c>
      <c r="B1515" s="3" t="s">
        <v>1161</v>
      </c>
      <c r="C1515" s="284">
        <v>1</v>
      </c>
    </row>
    <row r="1516" spans="1:3" x14ac:dyDescent="0.35">
      <c r="A1516" s="3" t="s">
        <v>948</v>
      </c>
      <c r="B1516" s="3" t="s">
        <v>1162</v>
      </c>
      <c r="C1516" s="284">
        <v>1</v>
      </c>
    </row>
    <row r="1517" spans="1:3" x14ac:dyDescent="0.35">
      <c r="A1517" s="3" t="s">
        <v>948</v>
      </c>
      <c r="B1517" s="3" t="s">
        <v>1163</v>
      </c>
      <c r="C1517" s="284">
        <v>1</v>
      </c>
    </row>
    <row r="1518" spans="1:3" x14ac:dyDescent="0.35">
      <c r="A1518" s="3" t="s">
        <v>948</v>
      </c>
      <c r="B1518" s="3" t="s">
        <v>1164</v>
      </c>
      <c r="C1518" s="284">
        <v>1</v>
      </c>
    </row>
    <row r="1519" spans="1:3" x14ac:dyDescent="0.35">
      <c r="A1519" s="3" t="s">
        <v>948</v>
      </c>
      <c r="B1519" s="3" t="s">
        <v>1165</v>
      </c>
      <c r="C1519" s="284">
        <v>1</v>
      </c>
    </row>
    <row r="1520" spans="1:3" x14ac:dyDescent="0.35">
      <c r="A1520" s="3" t="s">
        <v>948</v>
      </c>
      <c r="B1520" s="3" t="s">
        <v>1166</v>
      </c>
      <c r="C1520" s="284">
        <v>1</v>
      </c>
    </row>
    <row r="1521" spans="1:3" x14ac:dyDescent="0.35">
      <c r="A1521" s="3" t="s">
        <v>948</v>
      </c>
      <c r="B1521" s="3" t="s">
        <v>1167</v>
      </c>
      <c r="C1521" s="284">
        <v>1</v>
      </c>
    </row>
    <row r="1522" spans="1:3" x14ac:dyDescent="0.35">
      <c r="A1522" s="3" t="s">
        <v>948</v>
      </c>
      <c r="B1522" s="3" t="s">
        <v>1168</v>
      </c>
      <c r="C1522" s="284">
        <v>1</v>
      </c>
    </row>
    <row r="1523" spans="1:3" x14ac:dyDescent="0.35">
      <c r="A1523" s="3" t="s">
        <v>948</v>
      </c>
      <c r="B1523" s="3" t="s">
        <v>1169</v>
      </c>
      <c r="C1523" s="284">
        <v>1</v>
      </c>
    </row>
    <row r="1524" spans="1:3" x14ac:dyDescent="0.35">
      <c r="A1524" s="3" t="s">
        <v>512</v>
      </c>
      <c r="B1524" s="3" t="s">
        <v>519</v>
      </c>
      <c r="C1524" s="284">
        <v>1</v>
      </c>
    </row>
    <row r="1525" spans="1:3" x14ac:dyDescent="0.35">
      <c r="A1525" s="3" t="s">
        <v>512</v>
      </c>
      <c r="B1525" s="3" t="s">
        <v>583</v>
      </c>
      <c r="C1525" s="284">
        <v>1</v>
      </c>
    </row>
    <row r="1526" spans="1:3" x14ac:dyDescent="0.35">
      <c r="A1526" s="3" t="s">
        <v>948</v>
      </c>
      <c r="B1526" s="3" t="s">
        <v>1170</v>
      </c>
      <c r="C1526" s="284">
        <v>1</v>
      </c>
    </row>
    <row r="1527" spans="1:3" x14ac:dyDescent="0.35">
      <c r="A1527" s="3" t="s">
        <v>948</v>
      </c>
      <c r="B1527" s="3" t="s">
        <v>1171</v>
      </c>
      <c r="C1527" s="284">
        <v>1</v>
      </c>
    </row>
    <row r="1528" spans="1:3" x14ac:dyDescent="0.35">
      <c r="A1528" s="3" t="s">
        <v>1974</v>
      </c>
      <c r="B1528" s="3" t="s">
        <v>2022</v>
      </c>
      <c r="C1528" s="284">
        <v>1</v>
      </c>
    </row>
    <row r="1529" spans="1:3" x14ac:dyDescent="0.35">
      <c r="A1529" s="3" t="s">
        <v>948</v>
      </c>
      <c r="B1529" s="3" t="s">
        <v>1172</v>
      </c>
      <c r="C1529" s="284">
        <v>1</v>
      </c>
    </row>
    <row r="1530" spans="1:3" x14ac:dyDescent="0.35">
      <c r="A1530" s="3" t="s">
        <v>948</v>
      </c>
      <c r="B1530" s="3" t="s">
        <v>1173</v>
      </c>
      <c r="C1530" s="284">
        <v>1</v>
      </c>
    </row>
    <row r="1531" spans="1:3" x14ac:dyDescent="0.35">
      <c r="A1531" s="3" t="s">
        <v>948</v>
      </c>
      <c r="B1531" s="3" t="s">
        <v>1174</v>
      </c>
      <c r="C1531" s="284">
        <v>1</v>
      </c>
    </row>
    <row r="1532" spans="1:3" x14ac:dyDescent="0.35">
      <c r="A1532" s="3" t="s">
        <v>948</v>
      </c>
      <c r="B1532" s="3" t="s">
        <v>1175</v>
      </c>
      <c r="C1532" s="284">
        <v>1</v>
      </c>
    </row>
    <row r="1533" spans="1:3" x14ac:dyDescent="0.35">
      <c r="A1533" s="3" t="s">
        <v>176</v>
      </c>
      <c r="B1533" s="3" t="s">
        <v>283</v>
      </c>
      <c r="C1533" s="284">
        <v>1</v>
      </c>
    </row>
    <row r="1534" spans="1:3" x14ac:dyDescent="0.35">
      <c r="A1534" s="3" t="s">
        <v>751</v>
      </c>
      <c r="B1534" s="3" t="s">
        <v>283</v>
      </c>
      <c r="C1534" s="284">
        <v>1</v>
      </c>
    </row>
    <row r="1535" spans="1:3" x14ac:dyDescent="0.35">
      <c r="A1535" s="3" t="s">
        <v>948</v>
      </c>
      <c r="B1535" s="3" t="s">
        <v>1176</v>
      </c>
      <c r="C1535" s="284">
        <v>1</v>
      </c>
    </row>
    <row r="1536" spans="1:3" x14ac:dyDescent="0.35">
      <c r="A1536" s="3" t="s">
        <v>948</v>
      </c>
      <c r="B1536" s="3" t="s">
        <v>1177</v>
      </c>
      <c r="C1536" s="284">
        <v>1</v>
      </c>
    </row>
    <row r="1537" spans="1:3" x14ac:dyDescent="0.35">
      <c r="A1537" s="3" t="s">
        <v>948</v>
      </c>
      <c r="B1537" s="3" t="s">
        <v>1178</v>
      </c>
      <c r="C1537" s="284">
        <v>1</v>
      </c>
    </row>
    <row r="1538" spans="1:3" x14ac:dyDescent="0.35">
      <c r="A1538" s="3" t="s">
        <v>1974</v>
      </c>
      <c r="B1538" s="3" t="s">
        <v>2023</v>
      </c>
      <c r="C1538" s="284">
        <v>1</v>
      </c>
    </row>
    <row r="1539" spans="1:3" x14ac:dyDescent="0.35">
      <c r="A1539" s="3" t="s">
        <v>948</v>
      </c>
      <c r="B1539" s="3" t="s">
        <v>1179</v>
      </c>
      <c r="C1539" s="284">
        <v>1</v>
      </c>
    </row>
    <row r="1540" spans="1:3" x14ac:dyDescent="0.35">
      <c r="A1540" s="3" t="s">
        <v>95</v>
      </c>
      <c r="B1540" s="3" t="s">
        <v>399</v>
      </c>
      <c r="C1540" s="284">
        <v>1</v>
      </c>
    </row>
    <row r="1541" spans="1:3" x14ac:dyDescent="0.35">
      <c r="A1541" s="3" t="s">
        <v>948</v>
      </c>
      <c r="B1541" s="3" t="s">
        <v>1180</v>
      </c>
      <c r="C1541" s="284">
        <v>1</v>
      </c>
    </row>
    <row r="1542" spans="1:3" x14ac:dyDescent="0.35">
      <c r="A1542" s="3" t="s">
        <v>133</v>
      </c>
      <c r="B1542" s="3" t="s">
        <v>162</v>
      </c>
      <c r="C1542" s="284">
        <v>1</v>
      </c>
    </row>
    <row r="1543" spans="1:3" x14ac:dyDescent="0.35">
      <c r="A1543" s="3" t="s">
        <v>45</v>
      </c>
      <c r="B1543" s="3" t="s">
        <v>73</v>
      </c>
      <c r="C1543" s="284">
        <v>1</v>
      </c>
    </row>
    <row r="1544" spans="1:3" x14ac:dyDescent="0.35">
      <c r="A1544" s="3" t="s">
        <v>1744</v>
      </c>
      <c r="B1544" s="278" t="s">
        <v>1744</v>
      </c>
      <c r="C1544" s="284">
        <v>0.93799999999999994</v>
      </c>
    </row>
    <row r="1545" spans="1:3" x14ac:dyDescent="0.35">
      <c r="A1545" s="3" t="s">
        <v>1880</v>
      </c>
      <c r="B1545" s="278" t="s">
        <v>1930</v>
      </c>
      <c r="C1545" s="284">
        <v>1.1439999999999999</v>
      </c>
    </row>
    <row r="1546" spans="1:3" x14ac:dyDescent="0.35">
      <c r="A1546" s="3" t="s">
        <v>948</v>
      </c>
      <c r="B1546" s="3" t="s">
        <v>1181</v>
      </c>
      <c r="C1546" s="284">
        <v>1</v>
      </c>
    </row>
    <row r="1547" spans="1:3" x14ac:dyDescent="0.35">
      <c r="A1547" s="3" t="s">
        <v>95</v>
      </c>
      <c r="B1547" s="3" t="s">
        <v>400</v>
      </c>
      <c r="C1547" s="284">
        <v>1</v>
      </c>
    </row>
    <row r="1548" spans="1:3" x14ac:dyDescent="0.35">
      <c r="A1548" s="3" t="s">
        <v>512</v>
      </c>
      <c r="B1548" s="3" t="s">
        <v>400</v>
      </c>
      <c r="C1548" s="284">
        <v>1</v>
      </c>
    </row>
    <row r="1549" spans="1:3" x14ac:dyDescent="0.35">
      <c r="A1549" s="3" t="s">
        <v>948</v>
      </c>
      <c r="B1549" s="3" t="s">
        <v>1182</v>
      </c>
      <c r="C1549" s="284">
        <v>1</v>
      </c>
    </row>
    <row r="1550" spans="1:3" x14ac:dyDescent="0.35">
      <c r="A1550" s="3" t="s">
        <v>1744</v>
      </c>
      <c r="B1550" s="3" t="s">
        <v>1769</v>
      </c>
      <c r="C1550" s="284">
        <v>1</v>
      </c>
    </row>
    <row r="1551" spans="1:3" x14ac:dyDescent="0.35">
      <c r="A1551" s="3" t="s">
        <v>512</v>
      </c>
      <c r="B1551" s="3" t="s">
        <v>584</v>
      </c>
      <c r="C1551" s="284">
        <v>1</v>
      </c>
    </row>
    <row r="1552" spans="1:3" x14ac:dyDescent="0.35">
      <c r="A1552" s="3" t="s">
        <v>631</v>
      </c>
      <c r="B1552" s="3" t="s">
        <v>701</v>
      </c>
      <c r="C1552" s="284">
        <v>1</v>
      </c>
    </row>
    <row r="1553" spans="1:3" x14ac:dyDescent="0.35">
      <c r="A1553" s="3" t="s">
        <v>948</v>
      </c>
      <c r="B1553" s="3" t="s">
        <v>1183</v>
      </c>
      <c r="C1553" s="284">
        <v>1</v>
      </c>
    </row>
    <row r="1554" spans="1:3" x14ac:dyDescent="0.35">
      <c r="A1554" s="3" t="s">
        <v>512</v>
      </c>
      <c r="B1554" s="3" t="s">
        <v>585</v>
      </c>
      <c r="C1554" s="284">
        <v>1</v>
      </c>
    </row>
    <row r="1555" spans="1:3" x14ac:dyDescent="0.35">
      <c r="A1555" s="3" t="s">
        <v>948</v>
      </c>
      <c r="B1555" s="3" t="s">
        <v>1184</v>
      </c>
      <c r="C1555" s="284">
        <v>1</v>
      </c>
    </row>
    <row r="1556" spans="1:3" x14ac:dyDescent="0.35">
      <c r="A1556" s="3" t="s">
        <v>948</v>
      </c>
      <c r="B1556" s="3" t="s">
        <v>1185</v>
      </c>
      <c r="C1556" s="284">
        <v>1</v>
      </c>
    </row>
    <row r="1557" spans="1:3" x14ac:dyDescent="0.35">
      <c r="A1557" s="3" t="s">
        <v>948</v>
      </c>
      <c r="B1557" s="3" t="s">
        <v>1186</v>
      </c>
      <c r="C1557" s="284">
        <v>1</v>
      </c>
    </row>
    <row r="1558" spans="1:3" x14ac:dyDescent="0.35">
      <c r="A1558" s="3" t="s">
        <v>948</v>
      </c>
      <c r="B1558" s="3" t="s">
        <v>1187</v>
      </c>
      <c r="C1558" s="284">
        <v>1</v>
      </c>
    </row>
    <row r="1559" spans="1:3" x14ac:dyDescent="0.35">
      <c r="A1559" s="3" t="s">
        <v>1515</v>
      </c>
      <c r="B1559" s="3" t="s">
        <v>1635</v>
      </c>
      <c r="C1559" s="284">
        <v>1</v>
      </c>
    </row>
    <row r="1560" spans="1:3" x14ac:dyDescent="0.35">
      <c r="A1560" s="3" t="s">
        <v>948</v>
      </c>
      <c r="B1560" s="3" t="s">
        <v>1188</v>
      </c>
      <c r="C1560" s="284">
        <v>1</v>
      </c>
    </row>
    <row r="1561" spans="1:3" x14ac:dyDescent="0.35">
      <c r="A1561" s="3" t="s">
        <v>1515</v>
      </c>
      <c r="B1561" s="3" t="s">
        <v>1636</v>
      </c>
      <c r="C1561" s="284">
        <v>1</v>
      </c>
    </row>
    <row r="1562" spans="1:3" x14ac:dyDescent="0.35">
      <c r="A1562" s="3" t="s">
        <v>948</v>
      </c>
      <c r="B1562" s="3" t="s">
        <v>1189</v>
      </c>
      <c r="C1562" s="284">
        <v>1</v>
      </c>
    </row>
    <row r="1563" spans="1:3" x14ac:dyDescent="0.35">
      <c r="A1563" s="3" t="s">
        <v>948</v>
      </c>
      <c r="B1563" s="3" t="s">
        <v>1190</v>
      </c>
      <c r="C1563" s="284">
        <v>1</v>
      </c>
    </row>
    <row r="1564" spans="1:3" x14ac:dyDescent="0.35">
      <c r="A1564" s="3" t="s">
        <v>631</v>
      </c>
      <c r="B1564" s="3" t="s">
        <v>702</v>
      </c>
      <c r="C1564" s="284">
        <v>1</v>
      </c>
    </row>
    <row r="1565" spans="1:3" x14ac:dyDescent="0.35">
      <c r="A1565" s="3" t="s">
        <v>948</v>
      </c>
      <c r="B1565" s="3" t="s">
        <v>1191</v>
      </c>
      <c r="C1565" s="284">
        <v>1</v>
      </c>
    </row>
    <row r="1566" spans="1:3" x14ac:dyDescent="0.35">
      <c r="A1566" s="3" t="s">
        <v>948</v>
      </c>
      <c r="B1566" s="3" t="s">
        <v>1193</v>
      </c>
      <c r="C1566" s="284">
        <v>1</v>
      </c>
    </row>
    <row r="1567" spans="1:3" x14ac:dyDescent="0.35">
      <c r="A1567" s="3" t="s">
        <v>948</v>
      </c>
      <c r="B1567" s="3" t="s">
        <v>1195</v>
      </c>
      <c r="C1567" s="284">
        <v>1</v>
      </c>
    </row>
    <row r="1568" spans="1:3" x14ac:dyDescent="0.35">
      <c r="A1568" s="3" t="s">
        <v>948</v>
      </c>
      <c r="B1568" s="3" t="s">
        <v>1196</v>
      </c>
      <c r="C1568" s="284">
        <v>1</v>
      </c>
    </row>
    <row r="1569" spans="1:3" x14ac:dyDescent="0.35">
      <c r="A1569" s="3" t="s">
        <v>948</v>
      </c>
      <c r="B1569" s="3" t="s">
        <v>1197</v>
      </c>
      <c r="C1569" s="284">
        <v>1</v>
      </c>
    </row>
    <row r="1570" spans="1:3" x14ac:dyDescent="0.35">
      <c r="A1570" s="3" t="s">
        <v>948</v>
      </c>
      <c r="B1570" s="3" t="s">
        <v>1198</v>
      </c>
      <c r="C1570" s="284">
        <v>1</v>
      </c>
    </row>
    <row r="1571" spans="1:3" x14ac:dyDescent="0.35">
      <c r="A1571" s="3" t="s">
        <v>948</v>
      </c>
      <c r="B1571" s="3" t="s">
        <v>1199</v>
      </c>
      <c r="C1571" s="284">
        <v>1</v>
      </c>
    </row>
    <row r="1572" spans="1:3" x14ac:dyDescent="0.35">
      <c r="A1572" s="3" t="s">
        <v>948</v>
      </c>
      <c r="B1572" s="3" t="s">
        <v>1200</v>
      </c>
      <c r="C1572" s="284">
        <v>1</v>
      </c>
    </row>
    <row r="1573" spans="1:3" x14ac:dyDescent="0.35">
      <c r="A1573" s="3" t="s">
        <v>948</v>
      </c>
      <c r="B1573" s="3" t="s">
        <v>1201</v>
      </c>
      <c r="C1573" s="284">
        <v>1</v>
      </c>
    </row>
    <row r="1574" spans="1:3" x14ac:dyDescent="0.35">
      <c r="A1574" s="3" t="s">
        <v>948</v>
      </c>
      <c r="B1574" s="3" t="s">
        <v>1194</v>
      </c>
      <c r="C1574" s="284">
        <v>1</v>
      </c>
    </row>
    <row r="1575" spans="1:3" x14ac:dyDescent="0.35">
      <c r="A1575" s="3" t="s">
        <v>948</v>
      </c>
      <c r="B1575" s="3" t="s">
        <v>1511</v>
      </c>
      <c r="C1575" s="284">
        <v>1</v>
      </c>
    </row>
    <row r="1576" spans="1:3" x14ac:dyDescent="0.35">
      <c r="A1576" s="3" t="s">
        <v>1515</v>
      </c>
      <c r="B1576" s="3" t="s">
        <v>1637</v>
      </c>
      <c r="C1576" s="284">
        <v>1</v>
      </c>
    </row>
    <row r="1577" spans="1:3" x14ac:dyDescent="0.35">
      <c r="A1577" s="3" t="s">
        <v>948</v>
      </c>
      <c r="B1577" s="3" t="s">
        <v>1202</v>
      </c>
      <c r="C1577" s="284">
        <v>1</v>
      </c>
    </row>
    <row r="1578" spans="1:3" x14ac:dyDescent="0.35">
      <c r="A1578" s="3" t="s">
        <v>948</v>
      </c>
      <c r="B1578" s="3" t="s">
        <v>1203</v>
      </c>
      <c r="C1578" s="284">
        <v>1</v>
      </c>
    </row>
    <row r="1579" spans="1:3" x14ac:dyDescent="0.35">
      <c r="A1579" s="3" t="s">
        <v>948</v>
      </c>
      <c r="B1579" s="3" t="s">
        <v>1204</v>
      </c>
      <c r="C1579" s="284">
        <v>1</v>
      </c>
    </row>
    <row r="1580" spans="1:3" x14ac:dyDescent="0.35">
      <c r="A1580" s="3" t="s">
        <v>948</v>
      </c>
      <c r="B1580" s="3" t="s">
        <v>1205</v>
      </c>
      <c r="C1580" s="284">
        <v>1</v>
      </c>
    </row>
    <row r="1581" spans="1:3" x14ac:dyDescent="0.35">
      <c r="A1581" s="3" t="s">
        <v>948</v>
      </c>
      <c r="B1581" s="3" t="s">
        <v>1206</v>
      </c>
      <c r="C1581" s="284">
        <v>1</v>
      </c>
    </row>
    <row r="1582" spans="1:3" x14ac:dyDescent="0.35">
      <c r="A1582" s="3" t="s">
        <v>948</v>
      </c>
      <c r="B1582" s="3" t="s">
        <v>1207</v>
      </c>
      <c r="C1582" s="284">
        <v>1</v>
      </c>
    </row>
    <row r="1583" spans="1:3" x14ac:dyDescent="0.35">
      <c r="A1583" s="3" t="s">
        <v>948</v>
      </c>
      <c r="B1583" s="3" t="s">
        <v>1209</v>
      </c>
      <c r="C1583" s="284">
        <v>1</v>
      </c>
    </row>
    <row r="1584" spans="1:3" x14ac:dyDescent="0.35">
      <c r="A1584" s="3" t="s">
        <v>948</v>
      </c>
      <c r="B1584" s="3" t="s">
        <v>1210</v>
      </c>
      <c r="C1584" s="284">
        <v>1</v>
      </c>
    </row>
    <row r="1585" spans="1:3" x14ac:dyDescent="0.35">
      <c r="A1585" s="3" t="s">
        <v>948</v>
      </c>
      <c r="B1585" s="3" t="s">
        <v>1208</v>
      </c>
      <c r="C1585" s="284">
        <v>1</v>
      </c>
    </row>
    <row r="1586" spans="1:3" x14ac:dyDescent="0.35">
      <c r="A1586" s="3" t="s">
        <v>133</v>
      </c>
      <c r="B1586" s="278" t="s">
        <v>135</v>
      </c>
      <c r="C1586" s="284">
        <v>0.85799999999999998</v>
      </c>
    </row>
    <row r="1587" spans="1:3" x14ac:dyDescent="0.35">
      <c r="A1587" s="3" t="s">
        <v>1880</v>
      </c>
      <c r="B1587" s="3" t="s">
        <v>1931</v>
      </c>
      <c r="C1587" s="284">
        <v>1</v>
      </c>
    </row>
    <row r="1588" spans="1:3" x14ac:dyDescent="0.35">
      <c r="A1588" s="3" t="s">
        <v>948</v>
      </c>
      <c r="B1588" s="3" t="s">
        <v>1211</v>
      </c>
      <c r="C1588" s="284">
        <v>1</v>
      </c>
    </row>
    <row r="1589" spans="1:3" x14ac:dyDescent="0.35">
      <c r="A1589" s="3" t="s">
        <v>948</v>
      </c>
      <c r="B1589" s="3" t="s">
        <v>1212</v>
      </c>
      <c r="C1589" s="284">
        <v>1</v>
      </c>
    </row>
    <row r="1590" spans="1:3" x14ac:dyDescent="0.35">
      <c r="A1590" s="3" t="s">
        <v>948</v>
      </c>
      <c r="B1590" s="3" t="s">
        <v>1213</v>
      </c>
      <c r="C1590" s="284">
        <v>1</v>
      </c>
    </row>
    <row r="1591" spans="1:3" x14ac:dyDescent="0.35">
      <c r="A1591" s="3" t="s">
        <v>512</v>
      </c>
      <c r="B1591" s="3" t="s">
        <v>586</v>
      </c>
      <c r="C1591" s="284">
        <v>1</v>
      </c>
    </row>
    <row r="1592" spans="1:3" x14ac:dyDescent="0.35">
      <c r="A1592" s="3" t="s">
        <v>948</v>
      </c>
      <c r="B1592" s="3" t="s">
        <v>1214</v>
      </c>
      <c r="C1592" s="284">
        <v>1</v>
      </c>
    </row>
    <row r="1593" spans="1:3" x14ac:dyDescent="0.35">
      <c r="A1593" s="3" t="s">
        <v>948</v>
      </c>
      <c r="B1593" s="3" t="s">
        <v>1215</v>
      </c>
      <c r="C1593" s="284">
        <v>1</v>
      </c>
    </row>
    <row r="1594" spans="1:3" x14ac:dyDescent="0.35">
      <c r="A1594" s="3" t="s">
        <v>1515</v>
      </c>
      <c r="B1594" s="3" t="s">
        <v>1638</v>
      </c>
      <c r="C1594" s="284">
        <v>1</v>
      </c>
    </row>
    <row r="1595" spans="1:3" x14ac:dyDescent="0.35">
      <c r="A1595" s="3" t="s">
        <v>948</v>
      </c>
      <c r="B1595" s="3" t="s">
        <v>1216</v>
      </c>
      <c r="C1595" s="284">
        <v>1</v>
      </c>
    </row>
    <row r="1596" spans="1:3" x14ac:dyDescent="0.35">
      <c r="A1596" s="3" t="s">
        <v>948</v>
      </c>
      <c r="B1596" s="3" t="s">
        <v>1217</v>
      </c>
      <c r="C1596" s="284">
        <v>1</v>
      </c>
    </row>
    <row r="1597" spans="1:3" x14ac:dyDescent="0.35">
      <c r="A1597" s="3" t="s">
        <v>948</v>
      </c>
      <c r="B1597" s="3" t="s">
        <v>1218</v>
      </c>
      <c r="C1597" s="284">
        <v>1</v>
      </c>
    </row>
    <row r="1598" spans="1:3" x14ac:dyDescent="0.35">
      <c r="A1598" s="3" t="s">
        <v>948</v>
      </c>
      <c r="B1598" s="3" t="s">
        <v>1219</v>
      </c>
      <c r="C1598" s="284">
        <v>1</v>
      </c>
    </row>
    <row r="1599" spans="1:3" x14ac:dyDescent="0.35">
      <c r="A1599" s="3" t="s">
        <v>948</v>
      </c>
      <c r="B1599" s="3" t="s">
        <v>1220</v>
      </c>
      <c r="C1599" s="284">
        <v>1</v>
      </c>
    </row>
    <row r="1600" spans="1:3" x14ac:dyDescent="0.35">
      <c r="A1600" s="3" t="s">
        <v>948</v>
      </c>
      <c r="B1600" s="3" t="s">
        <v>1221</v>
      </c>
      <c r="C1600" s="284">
        <v>1</v>
      </c>
    </row>
    <row r="1601" spans="1:3" x14ac:dyDescent="0.35">
      <c r="A1601" s="3" t="s">
        <v>948</v>
      </c>
      <c r="B1601" s="3" t="s">
        <v>1223</v>
      </c>
      <c r="C1601" s="284">
        <v>1</v>
      </c>
    </row>
    <row r="1602" spans="1:3" x14ac:dyDescent="0.35">
      <c r="A1602" s="3" t="s">
        <v>948</v>
      </c>
      <c r="B1602" s="3" t="s">
        <v>1224</v>
      </c>
      <c r="C1602" s="284">
        <v>1</v>
      </c>
    </row>
    <row r="1603" spans="1:3" x14ac:dyDescent="0.35">
      <c r="A1603" s="3" t="s">
        <v>948</v>
      </c>
      <c r="B1603" s="3" t="s">
        <v>1226</v>
      </c>
      <c r="C1603" s="284">
        <v>1</v>
      </c>
    </row>
    <row r="1604" spans="1:3" x14ac:dyDescent="0.35">
      <c r="A1604" s="3" t="s">
        <v>948</v>
      </c>
      <c r="B1604" s="3" t="s">
        <v>1227</v>
      </c>
      <c r="C1604" s="284">
        <v>1</v>
      </c>
    </row>
    <row r="1605" spans="1:3" x14ac:dyDescent="0.35">
      <c r="A1605" s="3" t="s">
        <v>948</v>
      </c>
      <c r="B1605" s="3" t="s">
        <v>1228</v>
      </c>
      <c r="C1605" s="284">
        <v>1</v>
      </c>
    </row>
    <row r="1606" spans="1:3" x14ac:dyDescent="0.35">
      <c r="A1606" s="3" t="s">
        <v>948</v>
      </c>
      <c r="B1606" s="3" t="s">
        <v>1229</v>
      </c>
      <c r="C1606" s="284">
        <v>1</v>
      </c>
    </row>
    <row r="1607" spans="1:3" x14ac:dyDescent="0.35">
      <c r="A1607" s="3" t="s">
        <v>948</v>
      </c>
      <c r="B1607" s="3" t="s">
        <v>1230</v>
      </c>
      <c r="C1607" s="284">
        <v>1</v>
      </c>
    </row>
    <row r="1608" spans="1:3" x14ac:dyDescent="0.35">
      <c r="A1608" s="3" t="s">
        <v>948</v>
      </c>
      <c r="B1608" s="3" t="s">
        <v>1231</v>
      </c>
      <c r="C1608" s="284">
        <v>1</v>
      </c>
    </row>
    <row r="1609" spans="1:3" x14ac:dyDescent="0.35">
      <c r="A1609" s="3" t="s">
        <v>95</v>
      </c>
      <c r="B1609" s="3" t="s">
        <v>401</v>
      </c>
      <c r="C1609" s="284">
        <v>1</v>
      </c>
    </row>
    <row r="1610" spans="1:3" x14ac:dyDescent="0.35">
      <c r="A1610" s="3" t="s">
        <v>948</v>
      </c>
      <c r="B1610" s="3" t="s">
        <v>1232</v>
      </c>
      <c r="C1610" s="284">
        <v>1</v>
      </c>
    </row>
    <row r="1611" spans="1:3" x14ac:dyDescent="0.35">
      <c r="A1611" s="3" t="s">
        <v>1515</v>
      </c>
      <c r="B1611" s="3" t="s">
        <v>1639</v>
      </c>
      <c r="C1611" s="284">
        <v>1</v>
      </c>
    </row>
    <row r="1612" spans="1:3" x14ac:dyDescent="0.35">
      <c r="A1612" s="3" t="s">
        <v>948</v>
      </c>
      <c r="B1612" s="3" t="s">
        <v>1233</v>
      </c>
      <c r="C1612" s="284">
        <v>1</v>
      </c>
    </row>
    <row r="1613" spans="1:3" x14ac:dyDescent="0.35">
      <c r="A1613" s="3" t="s">
        <v>948</v>
      </c>
      <c r="B1613" s="3" t="s">
        <v>1234</v>
      </c>
      <c r="C1613" s="284">
        <v>1</v>
      </c>
    </row>
    <row r="1614" spans="1:3" x14ac:dyDescent="0.35">
      <c r="A1614" s="3" t="s">
        <v>1945</v>
      </c>
      <c r="B1614" s="3" t="s">
        <v>1234</v>
      </c>
      <c r="C1614" s="284">
        <v>1</v>
      </c>
    </row>
    <row r="1615" spans="1:3" x14ac:dyDescent="0.35">
      <c r="A1615" s="3" t="s">
        <v>1515</v>
      </c>
      <c r="B1615" s="3" t="s">
        <v>1640</v>
      </c>
      <c r="C1615" s="284">
        <v>1</v>
      </c>
    </row>
    <row r="1616" spans="1:3" x14ac:dyDescent="0.35">
      <c r="A1616" s="3" t="s">
        <v>904</v>
      </c>
      <c r="B1616" s="3" t="s">
        <v>944</v>
      </c>
      <c r="C1616" s="284">
        <v>1</v>
      </c>
    </row>
    <row r="1617" spans="1:3" x14ac:dyDescent="0.35">
      <c r="A1617" s="3" t="s">
        <v>1515</v>
      </c>
      <c r="B1617" s="3" t="s">
        <v>1641</v>
      </c>
      <c r="C1617" s="284">
        <v>1</v>
      </c>
    </row>
    <row r="1618" spans="1:3" x14ac:dyDescent="0.35">
      <c r="A1618" s="3" t="s">
        <v>948</v>
      </c>
      <c r="B1618" s="3" t="s">
        <v>1235</v>
      </c>
      <c r="C1618" s="284">
        <v>1</v>
      </c>
    </row>
    <row r="1619" spans="1:3" x14ac:dyDescent="0.35">
      <c r="A1619" s="3" t="s">
        <v>1744</v>
      </c>
      <c r="B1619" s="3" t="s">
        <v>1770</v>
      </c>
      <c r="C1619" s="284">
        <v>1</v>
      </c>
    </row>
    <row r="1620" spans="1:3" x14ac:dyDescent="0.35">
      <c r="A1620" s="3" t="s">
        <v>1515</v>
      </c>
      <c r="B1620" s="3" t="s">
        <v>1642</v>
      </c>
      <c r="C1620" s="284">
        <v>1</v>
      </c>
    </row>
    <row r="1621" spans="1:3" x14ac:dyDescent="0.35">
      <c r="A1621" s="3" t="s">
        <v>948</v>
      </c>
      <c r="B1621" s="3" t="s">
        <v>1236</v>
      </c>
      <c r="C1621" s="284">
        <v>1</v>
      </c>
    </row>
    <row r="1622" spans="1:3" x14ac:dyDescent="0.35">
      <c r="A1622" s="3" t="s">
        <v>948</v>
      </c>
      <c r="B1622" s="3" t="s">
        <v>1237</v>
      </c>
      <c r="C1622" s="284">
        <v>1</v>
      </c>
    </row>
    <row r="1623" spans="1:3" x14ac:dyDescent="0.35">
      <c r="A1623" s="3" t="s">
        <v>1974</v>
      </c>
      <c r="B1623" s="3" t="s">
        <v>1999</v>
      </c>
      <c r="C1623" s="284">
        <v>1</v>
      </c>
    </row>
    <row r="1624" spans="1:3" x14ac:dyDescent="0.35">
      <c r="A1624" s="3" t="s">
        <v>948</v>
      </c>
      <c r="B1624" s="3" t="s">
        <v>1238</v>
      </c>
      <c r="C1624" s="284">
        <v>1</v>
      </c>
    </row>
    <row r="1625" spans="1:3" x14ac:dyDescent="0.35">
      <c r="A1625" s="3" t="s">
        <v>948</v>
      </c>
      <c r="B1625" s="3" t="s">
        <v>1239</v>
      </c>
      <c r="C1625" s="284">
        <v>1</v>
      </c>
    </row>
    <row r="1626" spans="1:3" x14ac:dyDescent="0.35">
      <c r="A1626" s="3" t="s">
        <v>948</v>
      </c>
      <c r="B1626" s="3" t="s">
        <v>1240</v>
      </c>
      <c r="C1626" s="284">
        <v>1</v>
      </c>
    </row>
    <row r="1627" spans="1:3" x14ac:dyDescent="0.35">
      <c r="A1627" s="3" t="s">
        <v>948</v>
      </c>
      <c r="B1627" s="3" t="s">
        <v>1241</v>
      </c>
      <c r="C1627" s="284">
        <v>1</v>
      </c>
    </row>
    <row r="1628" spans="1:3" x14ac:dyDescent="0.35">
      <c r="A1628" s="3" t="s">
        <v>948</v>
      </c>
      <c r="B1628" s="3" t="s">
        <v>1242</v>
      </c>
      <c r="C1628" s="284">
        <v>1</v>
      </c>
    </row>
    <row r="1629" spans="1:3" x14ac:dyDescent="0.35">
      <c r="A1629" s="3" t="s">
        <v>948</v>
      </c>
      <c r="B1629" s="3" t="s">
        <v>1243</v>
      </c>
      <c r="C1629" s="284">
        <v>1</v>
      </c>
    </row>
    <row r="1630" spans="1:3" x14ac:dyDescent="0.35">
      <c r="A1630" s="3" t="s">
        <v>948</v>
      </c>
      <c r="B1630" s="3" t="s">
        <v>1244</v>
      </c>
      <c r="C1630" s="284">
        <v>1</v>
      </c>
    </row>
    <row r="1631" spans="1:3" x14ac:dyDescent="0.35">
      <c r="A1631" s="3" t="s">
        <v>84</v>
      </c>
      <c r="B1631" s="278" t="s">
        <v>114</v>
      </c>
      <c r="C1631" s="284">
        <v>0.95399999999999996</v>
      </c>
    </row>
    <row r="1632" spans="1:3" x14ac:dyDescent="0.35">
      <c r="A1632" s="3" t="s">
        <v>948</v>
      </c>
      <c r="B1632" s="3" t="s">
        <v>1245</v>
      </c>
      <c r="C1632" s="284">
        <v>1</v>
      </c>
    </row>
    <row r="1633" spans="1:3" x14ac:dyDescent="0.35">
      <c r="A1633" s="3" t="s">
        <v>948</v>
      </c>
      <c r="B1633" s="3" t="s">
        <v>1246</v>
      </c>
      <c r="C1633" s="284">
        <v>1</v>
      </c>
    </row>
    <row r="1634" spans="1:3" x14ac:dyDescent="0.35">
      <c r="A1634" s="3" t="s">
        <v>948</v>
      </c>
      <c r="B1634" s="3" t="s">
        <v>1247</v>
      </c>
      <c r="C1634" s="284">
        <v>1</v>
      </c>
    </row>
    <row r="1635" spans="1:3" x14ac:dyDescent="0.35">
      <c r="A1635" s="3" t="s">
        <v>948</v>
      </c>
      <c r="B1635" s="3" t="s">
        <v>1248</v>
      </c>
      <c r="C1635" s="284">
        <v>1</v>
      </c>
    </row>
    <row r="1636" spans="1:3" x14ac:dyDescent="0.35">
      <c r="A1636" s="3" t="s">
        <v>1515</v>
      </c>
      <c r="B1636" s="3" t="s">
        <v>1643</v>
      </c>
      <c r="C1636" s="284">
        <v>1</v>
      </c>
    </row>
    <row r="1637" spans="1:3" x14ac:dyDescent="0.35">
      <c r="A1637" s="3" t="s">
        <v>948</v>
      </c>
      <c r="B1637" s="3" t="s">
        <v>1250</v>
      </c>
      <c r="C1637" s="284">
        <v>1</v>
      </c>
    </row>
    <row r="1638" spans="1:3" x14ac:dyDescent="0.35">
      <c r="A1638" s="3" t="s">
        <v>948</v>
      </c>
      <c r="B1638" s="3" t="s">
        <v>1249</v>
      </c>
      <c r="C1638" s="284">
        <v>1</v>
      </c>
    </row>
    <row r="1639" spans="1:3" x14ac:dyDescent="0.35">
      <c r="A1639" s="3" t="s">
        <v>1880</v>
      </c>
      <c r="B1639" s="3" t="s">
        <v>1932</v>
      </c>
      <c r="C1639" s="284">
        <v>1</v>
      </c>
    </row>
    <row r="1640" spans="1:3" x14ac:dyDescent="0.35">
      <c r="A1640" s="3" t="s">
        <v>45</v>
      </c>
      <c r="B1640" s="3" t="s">
        <v>74</v>
      </c>
      <c r="C1640" s="284">
        <v>1</v>
      </c>
    </row>
    <row r="1641" spans="1:3" x14ac:dyDescent="0.35">
      <c r="A1641" s="3" t="s">
        <v>948</v>
      </c>
      <c r="B1641" s="3" t="s">
        <v>1251</v>
      </c>
      <c r="C1641" s="284">
        <v>1</v>
      </c>
    </row>
    <row r="1642" spans="1:3" x14ac:dyDescent="0.35">
      <c r="A1642" s="3" t="s">
        <v>904</v>
      </c>
      <c r="B1642" s="3" t="s">
        <v>920</v>
      </c>
      <c r="C1642" s="284">
        <v>1</v>
      </c>
    </row>
    <row r="1643" spans="1:3" x14ac:dyDescent="0.35">
      <c r="A1643" s="3" t="s">
        <v>948</v>
      </c>
      <c r="B1643" s="3" t="s">
        <v>1252</v>
      </c>
      <c r="C1643" s="284">
        <v>1</v>
      </c>
    </row>
    <row r="1644" spans="1:3" x14ac:dyDescent="0.35">
      <c r="A1644" s="3" t="s">
        <v>948</v>
      </c>
      <c r="B1644" s="3" t="s">
        <v>1253</v>
      </c>
      <c r="C1644" s="284">
        <v>1</v>
      </c>
    </row>
    <row r="1645" spans="1:3" x14ac:dyDescent="0.35">
      <c r="A1645" s="3" t="s">
        <v>948</v>
      </c>
      <c r="B1645" s="3" t="s">
        <v>1254</v>
      </c>
      <c r="C1645" s="284">
        <v>1</v>
      </c>
    </row>
    <row r="1646" spans="1:3" x14ac:dyDescent="0.35">
      <c r="A1646" s="3" t="s">
        <v>948</v>
      </c>
      <c r="B1646" s="3" t="s">
        <v>1255</v>
      </c>
      <c r="C1646" s="284">
        <v>1</v>
      </c>
    </row>
    <row r="1647" spans="1:3" x14ac:dyDescent="0.35">
      <c r="A1647" s="3" t="s">
        <v>948</v>
      </c>
      <c r="B1647" s="3" t="s">
        <v>1256</v>
      </c>
      <c r="C1647" s="284">
        <v>1</v>
      </c>
    </row>
    <row r="1648" spans="1:3" x14ac:dyDescent="0.35">
      <c r="A1648" s="3" t="s">
        <v>948</v>
      </c>
      <c r="B1648" s="3" t="s">
        <v>1257</v>
      </c>
      <c r="C1648" s="284">
        <v>1</v>
      </c>
    </row>
    <row r="1649" spans="1:3" x14ac:dyDescent="0.35">
      <c r="A1649" s="3" t="s">
        <v>948</v>
      </c>
      <c r="B1649" s="3" t="s">
        <v>1258</v>
      </c>
      <c r="C1649" s="284">
        <v>1</v>
      </c>
    </row>
    <row r="1650" spans="1:3" x14ac:dyDescent="0.35">
      <c r="A1650" s="3" t="s">
        <v>948</v>
      </c>
      <c r="B1650" s="3" t="s">
        <v>1259</v>
      </c>
      <c r="C1650" s="284">
        <v>1</v>
      </c>
    </row>
    <row r="1651" spans="1:3" x14ac:dyDescent="0.35">
      <c r="A1651" s="3" t="s">
        <v>885</v>
      </c>
      <c r="B1651" s="3" t="s">
        <v>898</v>
      </c>
      <c r="C1651" s="284">
        <v>1</v>
      </c>
    </row>
    <row r="1652" spans="1:3" x14ac:dyDescent="0.35">
      <c r="A1652" s="3" t="s">
        <v>948</v>
      </c>
      <c r="B1652" s="3" t="s">
        <v>1260</v>
      </c>
      <c r="C1652" s="284">
        <v>1</v>
      </c>
    </row>
    <row r="1653" spans="1:3" x14ac:dyDescent="0.35">
      <c r="A1653" s="3" t="s">
        <v>948</v>
      </c>
      <c r="B1653" s="3" t="s">
        <v>1261</v>
      </c>
      <c r="C1653" s="284">
        <v>1</v>
      </c>
    </row>
    <row r="1654" spans="1:3" x14ac:dyDescent="0.35">
      <c r="A1654" s="3" t="s">
        <v>948</v>
      </c>
      <c r="B1654" s="3" t="s">
        <v>1262</v>
      </c>
      <c r="C1654" s="284">
        <v>1</v>
      </c>
    </row>
    <row r="1655" spans="1:3" x14ac:dyDescent="0.35">
      <c r="A1655" s="3" t="s">
        <v>948</v>
      </c>
      <c r="B1655" s="3" t="s">
        <v>1263</v>
      </c>
      <c r="C1655" s="284">
        <v>1</v>
      </c>
    </row>
    <row r="1656" spans="1:3" x14ac:dyDescent="0.35">
      <c r="A1656" s="3" t="s">
        <v>948</v>
      </c>
      <c r="B1656" s="3" t="s">
        <v>1264</v>
      </c>
      <c r="C1656" s="284">
        <v>1</v>
      </c>
    </row>
    <row r="1657" spans="1:3" x14ac:dyDescent="0.35">
      <c r="A1657" s="3" t="s">
        <v>948</v>
      </c>
      <c r="B1657" s="3" t="s">
        <v>1265</v>
      </c>
      <c r="C1657" s="284">
        <v>1</v>
      </c>
    </row>
    <row r="1658" spans="1:3" x14ac:dyDescent="0.35">
      <c r="A1658" s="3" t="s">
        <v>948</v>
      </c>
      <c r="B1658" s="3" t="s">
        <v>1266</v>
      </c>
      <c r="C1658" s="284">
        <v>1</v>
      </c>
    </row>
    <row r="1659" spans="1:3" x14ac:dyDescent="0.35">
      <c r="A1659" s="3" t="s">
        <v>948</v>
      </c>
      <c r="B1659" s="3" t="s">
        <v>1267</v>
      </c>
      <c r="C1659" s="284">
        <v>1</v>
      </c>
    </row>
    <row r="1660" spans="1:3" x14ac:dyDescent="0.35">
      <c r="A1660" s="3" t="s">
        <v>948</v>
      </c>
      <c r="B1660" s="3" t="s">
        <v>1268</v>
      </c>
      <c r="C1660" s="284">
        <v>1</v>
      </c>
    </row>
    <row r="1661" spans="1:3" x14ac:dyDescent="0.35">
      <c r="A1661" s="3" t="s">
        <v>948</v>
      </c>
      <c r="B1661" s="3" t="s">
        <v>1269</v>
      </c>
      <c r="C1661" s="284">
        <v>1</v>
      </c>
    </row>
    <row r="1662" spans="1:3" x14ac:dyDescent="0.35">
      <c r="A1662" s="3" t="s">
        <v>948</v>
      </c>
      <c r="B1662" s="3" t="s">
        <v>1270</v>
      </c>
      <c r="C1662" s="284">
        <v>1</v>
      </c>
    </row>
    <row r="1663" spans="1:3" x14ac:dyDescent="0.35">
      <c r="A1663" s="3" t="s">
        <v>948</v>
      </c>
      <c r="B1663" s="3" t="s">
        <v>1271</v>
      </c>
      <c r="C1663" s="284">
        <v>1</v>
      </c>
    </row>
    <row r="1664" spans="1:3" x14ac:dyDescent="0.35">
      <c r="A1664" s="3" t="s">
        <v>948</v>
      </c>
      <c r="B1664" s="3" t="s">
        <v>1272</v>
      </c>
      <c r="C1664" s="284">
        <v>1</v>
      </c>
    </row>
    <row r="1665" spans="1:3" x14ac:dyDescent="0.35">
      <c r="A1665" s="3" t="s">
        <v>948</v>
      </c>
      <c r="B1665" s="3" t="s">
        <v>1273</v>
      </c>
      <c r="C1665" s="284">
        <v>1</v>
      </c>
    </row>
    <row r="1666" spans="1:3" x14ac:dyDescent="0.35">
      <c r="A1666" s="3" t="s">
        <v>948</v>
      </c>
      <c r="B1666" s="3" t="s">
        <v>1274</v>
      </c>
      <c r="C1666" s="284">
        <v>1</v>
      </c>
    </row>
    <row r="1667" spans="1:3" x14ac:dyDescent="0.35">
      <c r="A1667" s="3" t="s">
        <v>948</v>
      </c>
      <c r="B1667" s="3" t="s">
        <v>1275</v>
      </c>
      <c r="C1667" s="284">
        <v>1</v>
      </c>
    </row>
    <row r="1668" spans="1:3" x14ac:dyDescent="0.35">
      <c r="A1668" s="3" t="s">
        <v>948</v>
      </c>
      <c r="B1668" s="3" t="s">
        <v>1276</v>
      </c>
      <c r="C1668" s="284">
        <v>1</v>
      </c>
    </row>
    <row r="1669" spans="1:3" x14ac:dyDescent="0.35">
      <c r="A1669" s="3" t="s">
        <v>512</v>
      </c>
      <c r="B1669" s="3" t="s">
        <v>604</v>
      </c>
      <c r="C1669" s="284">
        <v>1</v>
      </c>
    </row>
    <row r="1670" spans="1:3" x14ac:dyDescent="0.35">
      <c r="A1670" s="3" t="s">
        <v>948</v>
      </c>
      <c r="B1670" s="3" t="s">
        <v>1277</v>
      </c>
      <c r="C1670" s="284">
        <v>1</v>
      </c>
    </row>
    <row r="1671" spans="1:3" x14ac:dyDescent="0.35">
      <c r="A1671" s="3" t="s">
        <v>948</v>
      </c>
      <c r="B1671" s="3" t="s">
        <v>1278</v>
      </c>
      <c r="C1671" s="284">
        <v>1</v>
      </c>
    </row>
    <row r="1672" spans="1:3" x14ac:dyDescent="0.35">
      <c r="A1672" s="3" t="s">
        <v>948</v>
      </c>
      <c r="B1672" s="3" t="s">
        <v>1282</v>
      </c>
      <c r="C1672" s="284">
        <v>1</v>
      </c>
    </row>
    <row r="1673" spans="1:3" x14ac:dyDescent="0.35">
      <c r="A1673" s="3" t="s">
        <v>948</v>
      </c>
      <c r="B1673" s="3" t="s">
        <v>1284</v>
      </c>
      <c r="C1673" s="284">
        <v>1</v>
      </c>
    </row>
    <row r="1674" spans="1:3" x14ac:dyDescent="0.35">
      <c r="A1674" s="3" t="s">
        <v>948</v>
      </c>
      <c r="B1674" s="3" t="s">
        <v>1285</v>
      </c>
      <c r="C1674" s="284">
        <v>1</v>
      </c>
    </row>
    <row r="1675" spans="1:3" x14ac:dyDescent="0.35">
      <c r="A1675" s="3" t="s">
        <v>948</v>
      </c>
      <c r="B1675" s="3" t="s">
        <v>1280</v>
      </c>
      <c r="C1675" s="284">
        <v>1</v>
      </c>
    </row>
    <row r="1676" spans="1:3" x14ac:dyDescent="0.35">
      <c r="A1676" s="3" t="s">
        <v>1515</v>
      </c>
      <c r="B1676" s="3" t="s">
        <v>1644</v>
      </c>
      <c r="C1676" s="284">
        <v>1</v>
      </c>
    </row>
    <row r="1677" spans="1:3" x14ac:dyDescent="0.35">
      <c r="A1677" s="3" t="s">
        <v>948</v>
      </c>
      <c r="B1677" s="3" t="s">
        <v>1281</v>
      </c>
      <c r="C1677" s="284">
        <v>1</v>
      </c>
    </row>
    <row r="1678" spans="1:3" x14ac:dyDescent="0.35">
      <c r="A1678" s="3" t="s">
        <v>948</v>
      </c>
      <c r="B1678" s="3" t="s">
        <v>1286</v>
      </c>
      <c r="C1678" s="284">
        <v>1</v>
      </c>
    </row>
    <row r="1679" spans="1:3" x14ac:dyDescent="0.35">
      <c r="A1679" s="3" t="s">
        <v>2133</v>
      </c>
      <c r="B1679" s="3" t="s">
        <v>2321</v>
      </c>
      <c r="C1679" s="284">
        <v>1</v>
      </c>
    </row>
    <row r="1680" spans="1:3" x14ac:dyDescent="0.35">
      <c r="A1680" s="3" t="s">
        <v>948</v>
      </c>
      <c r="B1680" s="3" t="s">
        <v>1287</v>
      </c>
      <c r="C1680" s="284">
        <v>1</v>
      </c>
    </row>
    <row r="1681" spans="1:3" x14ac:dyDescent="0.35">
      <c r="A1681" s="3" t="s">
        <v>54</v>
      </c>
      <c r="B1681" s="3" t="s">
        <v>482</v>
      </c>
      <c r="C1681" s="284">
        <v>1</v>
      </c>
    </row>
    <row r="1682" spans="1:3" x14ac:dyDescent="0.35">
      <c r="A1682" s="3" t="s">
        <v>1515</v>
      </c>
      <c r="B1682" s="3" t="s">
        <v>1645</v>
      </c>
      <c r="C1682" s="284">
        <v>1</v>
      </c>
    </row>
    <row r="1683" spans="1:3" x14ac:dyDescent="0.35">
      <c r="A1683" s="3" t="s">
        <v>1515</v>
      </c>
      <c r="B1683" s="3" t="s">
        <v>1646</v>
      </c>
      <c r="C1683" s="284">
        <v>1</v>
      </c>
    </row>
    <row r="1684" spans="1:3" x14ac:dyDescent="0.35">
      <c r="A1684" s="3" t="s">
        <v>1515</v>
      </c>
      <c r="B1684" s="3" t="s">
        <v>1647</v>
      </c>
      <c r="C1684" s="284">
        <v>1</v>
      </c>
    </row>
    <row r="1685" spans="1:3" x14ac:dyDescent="0.35">
      <c r="A1685" s="3" t="s">
        <v>948</v>
      </c>
      <c r="B1685" s="3" t="s">
        <v>1288</v>
      </c>
      <c r="C1685" s="284">
        <v>1</v>
      </c>
    </row>
    <row r="1686" spans="1:3" x14ac:dyDescent="0.35">
      <c r="A1686" s="3" t="s">
        <v>948</v>
      </c>
      <c r="B1686" s="3" t="s">
        <v>1289</v>
      </c>
      <c r="C1686" s="284">
        <v>1</v>
      </c>
    </row>
    <row r="1687" spans="1:3" x14ac:dyDescent="0.35">
      <c r="A1687" s="3" t="s">
        <v>512</v>
      </c>
      <c r="B1687" s="3" t="s">
        <v>587</v>
      </c>
      <c r="C1687" s="284">
        <v>1</v>
      </c>
    </row>
    <row r="1688" spans="1:3" x14ac:dyDescent="0.35">
      <c r="A1688" s="3" t="s">
        <v>948</v>
      </c>
      <c r="B1688" s="3" t="s">
        <v>1290</v>
      </c>
      <c r="C1688" s="284">
        <v>1</v>
      </c>
    </row>
    <row r="1689" spans="1:3" x14ac:dyDescent="0.35">
      <c r="A1689" s="3" t="s">
        <v>948</v>
      </c>
      <c r="B1689" s="3" t="s">
        <v>1291</v>
      </c>
      <c r="C1689" s="284">
        <v>1</v>
      </c>
    </row>
    <row r="1690" spans="1:3" x14ac:dyDescent="0.35">
      <c r="A1690" s="3" t="s">
        <v>948</v>
      </c>
      <c r="B1690" s="3" t="s">
        <v>1292</v>
      </c>
      <c r="C1690" s="284">
        <v>1</v>
      </c>
    </row>
    <row r="1691" spans="1:3" x14ac:dyDescent="0.35">
      <c r="A1691" s="3" t="s">
        <v>948</v>
      </c>
      <c r="B1691" s="3" t="s">
        <v>1293</v>
      </c>
      <c r="C1691" s="284">
        <v>1</v>
      </c>
    </row>
    <row r="1692" spans="1:3" x14ac:dyDescent="0.35">
      <c r="A1692" s="3" t="s">
        <v>948</v>
      </c>
      <c r="B1692" s="3" t="s">
        <v>1294</v>
      </c>
      <c r="C1692" s="284">
        <v>1</v>
      </c>
    </row>
    <row r="1693" spans="1:3" x14ac:dyDescent="0.35">
      <c r="A1693" s="3" t="s">
        <v>1515</v>
      </c>
      <c r="B1693" s="3" t="s">
        <v>1648</v>
      </c>
      <c r="C1693" s="284">
        <v>1</v>
      </c>
    </row>
    <row r="1694" spans="1:3" x14ac:dyDescent="0.35">
      <c r="A1694" s="3" t="s">
        <v>948</v>
      </c>
      <c r="B1694" s="3" t="s">
        <v>1295</v>
      </c>
      <c r="C1694" s="284">
        <v>1</v>
      </c>
    </row>
    <row r="1695" spans="1:3" x14ac:dyDescent="0.35">
      <c r="A1695" s="3" t="s">
        <v>948</v>
      </c>
      <c r="B1695" s="3" t="s">
        <v>1296</v>
      </c>
      <c r="C1695" s="284">
        <v>1</v>
      </c>
    </row>
    <row r="1696" spans="1:3" x14ac:dyDescent="0.35">
      <c r="A1696" s="3" t="s">
        <v>631</v>
      </c>
      <c r="B1696" s="3" t="s">
        <v>703</v>
      </c>
      <c r="C1696" s="284">
        <v>1</v>
      </c>
    </row>
    <row r="1697" spans="1:3" x14ac:dyDescent="0.35">
      <c r="A1697" s="3" t="s">
        <v>948</v>
      </c>
      <c r="B1697" s="3" t="s">
        <v>1297</v>
      </c>
      <c r="C1697" s="284">
        <v>1</v>
      </c>
    </row>
    <row r="1698" spans="1:3" x14ac:dyDescent="0.35">
      <c r="A1698" s="3" t="s">
        <v>948</v>
      </c>
      <c r="B1698" s="3" t="s">
        <v>1479</v>
      </c>
      <c r="C1698" s="284">
        <v>1</v>
      </c>
    </row>
    <row r="1699" spans="1:3" x14ac:dyDescent="0.35">
      <c r="A1699" s="3" t="s">
        <v>948</v>
      </c>
      <c r="B1699" s="3" t="s">
        <v>1480</v>
      </c>
      <c r="C1699" s="284">
        <v>1</v>
      </c>
    </row>
    <row r="1700" spans="1:3" x14ac:dyDescent="0.35">
      <c r="A1700" s="3" t="s">
        <v>948</v>
      </c>
      <c r="B1700" s="3" t="s">
        <v>1481</v>
      </c>
      <c r="C1700" s="284">
        <v>1</v>
      </c>
    </row>
    <row r="1701" spans="1:3" x14ac:dyDescent="0.35">
      <c r="A1701" s="3" t="s">
        <v>1744</v>
      </c>
      <c r="B1701" s="3" t="s">
        <v>1773</v>
      </c>
      <c r="C1701" s="284">
        <v>1</v>
      </c>
    </row>
    <row r="1702" spans="1:3" x14ac:dyDescent="0.35">
      <c r="A1702" s="3" t="s">
        <v>2029</v>
      </c>
      <c r="B1702" s="3" t="s">
        <v>2091</v>
      </c>
      <c r="C1702" s="284">
        <v>1</v>
      </c>
    </row>
    <row r="1703" spans="1:3" x14ac:dyDescent="0.35">
      <c r="A1703" s="3" t="s">
        <v>1974</v>
      </c>
      <c r="B1703" s="3" t="s">
        <v>1994</v>
      </c>
      <c r="C1703" s="284">
        <v>1</v>
      </c>
    </row>
    <row r="1704" spans="1:3" x14ac:dyDescent="0.35">
      <c r="A1704" s="3" t="s">
        <v>948</v>
      </c>
      <c r="B1704" s="3" t="s">
        <v>1298</v>
      </c>
      <c r="C1704" s="284">
        <v>1</v>
      </c>
    </row>
    <row r="1705" spans="1:3" x14ac:dyDescent="0.35">
      <c r="A1705" s="3" t="s">
        <v>1880</v>
      </c>
      <c r="B1705" s="3" t="s">
        <v>1298</v>
      </c>
      <c r="C1705" s="284">
        <v>1</v>
      </c>
    </row>
    <row r="1706" spans="1:3" x14ac:dyDescent="0.35">
      <c r="A1706" s="3" t="s">
        <v>948</v>
      </c>
      <c r="B1706" s="3" t="s">
        <v>1299</v>
      </c>
      <c r="C1706" s="284">
        <v>1</v>
      </c>
    </row>
    <row r="1707" spans="1:3" x14ac:dyDescent="0.35">
      <c r="A1707" s="3" t="s">
        <v>948</v>
      </c>
      <c r="B1707" s="3" t="s">
        <v>1300</v>
      </c>
      <c r="C1707" s="284">
        <v>1</v>
      </c>
    </row>
    <row r="1708" spans="1:3" x14ac:dyDescent="0.35">
      <c r="A1708" s="3" t="s">
        <v>948</v>
      </c>
      <c r="B1708" s="3" t="s">
        <v>1301</v>
      </c>
      <c r="C1708" s="284">
        <v>1</v>
      </c>
    </row>
    <row r="1709" spans="1:3" x14ac:dyDescent="0.35">
      <c r="A1709" s="3" t="s">
        <v>751</v>
      </c>
      <c r="B1709" s="3" t="s">
        <v>821</v>
      </c>
      <c r="C1709" s="284">
        <v>1</v>
      </c>
    </row>
    <row r="1710" spans="1:3" x14ac:dyDescent="0.35">
      <c r="A1710" s="3" t="s">
        <v>1974</v>
      </c>
      <c r="B1710" s="3" t="s">
        <v>2024</v>
      </c>
      <c r="C1710" s="284">
        <v>1</v>
      </c>
    </row>
    <row r="1711" spans="1:3" x14ac:dyDescent="0.35">
      <c r="A1711" s="3" t="s">
        <v>948</v>
      </c>
      <c r="B1711" s="3" t="s">
        <v>1302</v>
      </c>
      <c r="C1711" s="284">
        <v>1</v>
      </c>
    </row>
    <row r="1712" spans="1:3" x14ac:dyDescent="0.35">
      <c r="A1712" s="3" t="s">
        <v>948</v>
      </c>
      <c r="B1712" s="3" t="s">
        <v>1303</v>
      </c>
      <c r="C1712" s="284">
        <v>1</v>
      </c>
    </row>
    <row r="1713" spans="1:3" x14ac:dyDescent="0.35">
      <c r="A1713" s="3" t="s">
        <v>948</v>
      </c>
      <c r="B1713" s="3" t="s">
        <v>1304</v>
      </c>
      <c r="C1713" s="284">
        <v>1</v>
      </c>
    </row>
    <row r="1714" spans="1:3" x14ac:dyDescent="0.35">
      <c r="A1714" s="3" t="s">
        <v>948</v>
      </c>
      <c r="B1714" s="3" t="s">
        <v>1305</v>
      </c>
      <c r="C1714" s="284">
        <v>1</v>
      </c>
    </row>
    <row r="1715" spans="1:3" x14ac:dyDescent="0.35">
      <c r="A1715" s="3" t="s">
        <v>1974</v>
      </c>
      <c r="B1715" s="3" t="s">
        <v>2025</v>
      </c>
      <c r="C1715" s="284">
        <v>1</v>
      </c>
    </row>
    <row r="1716" spans="1:3" x14ac:dyDescent="0.35">
      <c r="A1716" s="3" t="s">
        <v>293</v>
      </c>
      <c r="B1716" s="3" t="s">
        <v>343</v>
      </c>
      <c r="C1716" s="284">
        <v>1</v>
      </c>
    </row>
    <row r="1717" spans="1:3" x14ac:dyDescent="0.35">
      <c r="A1717" s="3" t="s">
        <v>948</v>
      </c>
      <c r="B1717" s="3" t="s">
        <v>1306</v>
      </c>
      <c r="C1717" s="284">
        <v>1</v>
      </c>
    </row>
    <row r="1718" spans="1:3" x14ac:dyDescent="0.35">
      <c r="A1718" s="3" t="s">
        <v>133</v>
      </c>
      <c r="B1718" s="3" t="s">
        <v>163</v>
      </c>
      <c r="C1718" s="284">
        <v>1</v>
      </c>
    </row>
    <row r="1719" spans="1:3" x14ac:dyDescent="0.35">
      <c r="A1719" s="3" t="s">
        <v>904</v>
      </c>
      <c r="B1719" s="3" t="s">
        <v>163</v>
      </c>
      <c r="C1719" s="284">
        <v>1</v>
      </c>
    </row>
    <row r="1720" spans="1:3" x14ac:dyDescent="0.35">
      <c r="A1720" s="3" t="s">
        <v>1744</v>
      </c>
      <c r="B1720" s="3" t="s">
        <v>163</v>
      </c>
      <c r="C1720" s="284">
        <v>1</v>
      </c>
    </row>
    <row r="1721" spans="1:3" x14ac:dyDescent="0.35">
      <c r="A1721" s="3" t="s">
        <v>1974</v>
      </c>
      <c r="B1721" s="3" t="s">
        <v>2026</v>
      </c>
      <c r="C1721" s="284">
        <v>1</v>
      </c>
    </row>
    <row r="1722" spans="1:3" x14ac:dyDescent="0.35">
      <c r="A1722" s="3" t="s">
        <v>948</v>
      </c>
      <c r="B1722" s="3" t="s">
        <v>1307</v>
      </c>
      <c r="C1722" s="284">
        <v>1</v>
      </c>
    </row>
    <row r="1723" spans="1:3" x14ac:dyDescent="0.35">
      <c r="A1723" s="3" t="s">
        <v>948</v>
      </c>
      <c r="B1723" s="3" t="s">
        <v>1308</v>
      </c>
      <c r="C1723" s="284">
        <v>1</v>
      </c>
    </row>
    <row r="1724" spans="1:3" x14ac:dyDescent="0.35">
      <c r="A1724" s="3" t="s">
        <v>948</v>
      </c>
      <c r="B1724" s="3" t="s">
        <v>1309</v>
      </c>
      <c r="C1724" s="284">
        <v>1</v>
      </c>
    </row>
    <row r="1725" spans="1:3" x14ac:dyDescent="0.35">
      <c r="A1725" s="3" t="s">
        <v>948</v>
      </c>
      <c r="B1725" s="3" t="s">
        <v>1310</v>
      </c>
      <c r="C1725" s="284">
        <v>1</v>
      </c>
    </row>
    <row r="1726" spans="1:3" x14ac:dyDescent="0.35">
      <c r="A1726" s="3" t="s">
        <v>948</v>
      </c>
      <c r="B1726" s="3" t="s">
        <v>1311</v>
      </c>
      <c r="C1726" s="284">
        <v>1</v>
      </c>
    </row>
    <row r="1727" spans="1:3" x14ac:dyDescent="0.35">
      <c r="A1727" s="3" t="s">
        <v>948</v>
      </c>
      <c r="B1727" s="3" t="s">
        <v>1312</v>
      </c>
      <c r="C1727" s="284">
        <v>1</v>
      </c>
    </row>
    <row r="1728" spans="1:3" x14ac:dyDescent="0.35">
      <c r="A1728" s="3" t="s">
        <v>948</v>
      </c>
      <c r="B1728" s="3" t="s">
        <v>1313</v>
      </c>
      <c r="C1728" s="284">
        <v>1</v>
      </c>
    </row>
    <row r="1729" spans="1:3" x14ac:dyDescent="0.35">
      <c r="A1729" s="3" t="s">
        <v>948</v>
      </c>
      <c r="B1729" s="3" t="s">
        <v>1314</v>
      </c>
      <c r="C1729" s="284">
        <v>1</v>
      </c>
    </row>
    <row r="1730" spans="1:3" x14ac:dyDescent="0.35">
      <c r="A1730" s="3" t="s">
        <v>948</v>
      </c>
      <c r="B1730" s="3" t="s">
        <v>1021</v>
      </c>
      <c r="C1730" s="284">
        <v>1</v>
      </c>
    </row>
    <row r="1731" spans="1:3" x14ac:dyDescent="0.35">
      <c r="A1731" s="3" t="s">
        <v>948</v>
      </c>
      <c r="B1731" s="3" t="s">
        <v>1315</v>
      </c>
      <c r="C1731" s="284">
        <v>1</v>
      </c>
    </row>
    <row r="1732" spans="1:3" x14ac:dyDescent="0.35">
      <c r="A1732" s="3" t="s">
        <v>948</v>
      </c>
      <c r="B1732" s="3" t="s">
        <v>1316</v>
      </c>
      <c r="C1732" s="284">
        <v>1</v>
      </c>
    </row>
    <row r="1733" spans="1:3" x14ac:dyDescent="0.35">
      <c r="A1733" s="3" t="s">
        <v>1515</v>
      </c>
      <c r="B1733" s="3" t="s">
        <v>1649</v>
      </c>
      <c r="C1733" s="284">
        <v>1</v>
      </c>
    </row>
    <row r="1734" spans="1:3" x14ac:dyDescent="0.35">
      <c r="A1734" s="3" t="s">
        <v>948</v>
      </c>
      <c r="B1734" s="3" t="s">
        <v>1317</v>
      </c>
      <c r="C1734" s="284">
        <v>1</v>
      </c>
    </row>
    <row r="1735" spans="1:3" x14ac:dyDescent="0.35">
      <c r="A1735" s="3" t="s">
        <v>948</v>
      </c>
      <c r="B1735" s="3" t="s">
        <v>1318</v>
      </c>
      <c r="C1735" s="284">
        <v>1</v>
      </c>
    </row>
    <row r="1736" spans="1:3" x14ac:dyDescent="0.35">
      <c r="A1736" s="3" t="s">
        <v>45</v>
      </c>
      <c r="B1736" s="3" t="s">
        <v>75</v>
      </c>
      <c r="C1736" s="284">
        <v>1</v>
      </c>
    </row>
    <row r="1737" spans="1:3" x14ac:dyDescent="0.35">
      <c r="A1737" s="3" t="s">
        <v>1880</v>
      </c>
      <c r="B1737" s="3" t="s">
        <v>1933</v>
      </c>
      <c r="C1737" s="284">
        <v>1</v>
      </c>
    </row>
    <row r="1738" spans="1:3" x14ac:dyDescent="0.35">
      <c r="A1738" s="3" t="s">
        <v>948</v>
      </c>
      <c r="B1738" s="3" t="s">
        <v>1319</v>
      </c>
      <c r="C1738" s="284">
        <v>1</v>
      </c>
    </row>
    <row r="1739" spans="1:3" x14ac:dyDescent="0.35">
      <c r="A1739" s="3" t="s">
        <v>948</v>
      </c>
      <c r="B1739" s="3" t="s">
        <v>1320</v>
      </c>
      <c r="C1739" s="284">
        <v>1</v>
      </c>
    </row>
    <row r="1740" spans="1:3" x14ac:dyDescent="0.35">
      <c r="A1740" s="3" t="s">
        <v>948</v>
      </c>
      <c r="B1740" s="3" t="s">
        <v>1321</v>
      </c>
      <c r="C1740" s="284">
        <v>1</v>
      </c>
    </row>
    <row r="1741" spans="1:3" x14ac:dyDescent="0.35">
      <c r="A1741" s="3" t="s">
        <v>133</v>
      </c>
      <c r="B1741" s="3" t="s">
        <v>164</v>
      </c>
      <c r="C1741" s="284">
        <v>1</v>
      </c>
    </row>
    <row r="1742" spans="1:3" x14ac:dyDescent="0.35">
      <c r="A1742" s="3" t="s">
        <v>948</v>
      </c>
      <c r="B1742" s="3" t="s">
        <v>1322</v>
      </c>
      <c r="C1742" s="284">
        <v>1</v>
      </c>
    </row>
    <row r="1743" spans="1:3" x14ac:dyDescent="0.35">
      <c r="A1743" s="3" t="s">
        <v>948</v>
      </c>
      <c r="B1743" s="3" t="s">
        <v>1323</v>
      </c>
      <c r="C1743" s="284">
        <v>1</v>
      </c>
    </row>
    <row r="1744" spans="1:3" x14ac:dyDescent="0.35">
      <c r="A1744" s="3" t="s">
        <v>948</v>
      </c>
      <c r="B1744" s="3" t="s">
        <v>1324</v>
      </c>
      <c r="C1744" s="284">
        <v>1</v>
      </c>
    </row>
    <row r="1745" spans="1:3" x14ac:dyDescent="0.35">
      <c r="A1745" s="3" t="s">
        <v>948</v>
      </c>
      <c r="B1745" s="3" t="s">
        <v>1325</v>
      </c>
      <c r="C1745" s="284">
        <v>1</v>
      </c>
    </row>
    <row r="1746" spans="1:3" x14ac:dyDescent="0.35">
      <c r="A1746" s="3" t="s">
        <v>1974</v>
      </c>
      <c r="B1746" s="3" t="s">
        <v>2027</v>
      </c>
      <c r="C1746" s="284">
        <v>1</v>
      </c>
    </row>
    <row r="1747" spans="1:3" x14ac:dyDescent="0.35">
      <c r="A1747" s="3" t="s">
        <v>948</v>
      </c>
      <c r="B1747" s="3" t="s">
        <v>1326</v>
      </c>
      <c r="C1747" s="284">
        <v>1</v>
      </c>
    </row>
    <row r="1748" spans="1:3" x14ac:dyDescent="0.35">
      <c r="A1748" s="3" t="s">
        <v>948</v>
      </c>
      <c r="B1748" s="3" t="s">
        <v>1327</v>
      </c>
      <c r="C1748" s="284">
        <v>1</v>
      </c>
    </row>
    <row r="1749" spans="1:3" x14ac:dyDescent="0.35">
      <c r="A1749" s="3" t="s">
        <v>948</v>
      </c>
      <c r="B1749" s="3" t="s">
        <v>1328</v>
      </c>
      <c r="C1749" s="284">
        <v>1</v>
      </c>
    </row>
    <row r="1750" spans="1:3" x14ac:dyDescent="0.35">
      <c r="A1750" s="3" t="s">
        <v>1974</v>
      </c>
      <c r="B1750" s="3" t="s">
        <v>2000</v>
      </c>
      <c r="C1750" s="284">
        <v>1</v>
      </c>
    </row>
    <row r="1751" spans="1:3" x14ac:dyDescent="0.35">
      <c r="A1751" s="3" t="s">
        <v>948</v>
      </c>
      <c r="B1751" s="3" t="s">
        <v>1329</v>
      </c>
      <c r="C1751" s="284">
        <v>1</v>
      </c>
    </row>
    <row r="1752" spans="1:3" x14ac:dyDescent="0.35">
      <c r="A1752" s="3" t="s">
        <v>948</v>
      </c>
      <c r="B1752" s="3" t="s">
        <v>1330</v>
      </c>
      <c r="C1752" s="284">
        <v>1</v>
      </c>
    </row>
    <row r="1753" spans="1:3" x14ac:dyDescent="0.35">
      <c r="A1753" s="3" t="s">
        <v>948</v>
      </c>
      <c r="B1753" s="3" t="s">
        <v>1331</v>
      </c>
      <c r="C1753" s="284">
        <v>1</v>
      </c>
    </row>
    <row r="1754" spans="1:3" x14ac:dyDescent="0.35">
      <c r="A1754" s="3" t="s">
        <v>2029</v>
      </c>
      <c r="B1754" s="3" t="s">
        <v>2092</v>
      </c>
      <c r="C1754" s="284">
        <v>1</v>
      </c>
    </row>
    <row r="1755" spans="1:3" x14ac:dyDescent="0.35">
      <c r="A1755" s="3" t="s">
        <v>948</v>
      </c>
      <c r="B1755" s="3" t="s">
        <v>1332</v>
      </c>
      <c r="C1755" s="284">
        <v>1</v>
      </c>
    </row>
    <row r="1756" spans="1:3" x14ac:dyDescent="0.35">
      <c r="A1756" s="3" t="s">
        <v>1515</v>
      </c>
      <c r="B1756" s="3" t="s">
        <v>1650</v>
      </c>
      <c r="C1756" s="284">
        <v>1</v>
      </c>
    </row>
    <row r="1757" spans="1:3" x14ac:dyDescent="0.35">
      <c r="A1757" s="3" t="s">
        <v>948</v>
      </c>
      <c r="B1757" s="3" t="s">
        <v>1514</v>
      </c>
      <c r="C1757" s="284">
        <v>1</v>
      </c>
    </row>
    <row r="1758" spans="1:3" x14ac:dyDescent="0.35">
      <c r="A1758" s="3" t="s">
        <v>948</v>
      </c>
      <c r="B1758" s="3" t="s">
        <v>1333</v>
      </c>
      <c r="C1758" s="284">
        <v>1</v>
      </c>
    </row>
    <row r="1759" spans="1:3" x14ac:dyDescent="0.35">
      <c r="A1759" s="3" t="s">
        <v>948</v>
      </c>
      <c r="B1759" s="3" t="s">
        <v>1334</v>
      </c>
      <c r="C1759" s="284">
        <v>1</v>
      </c>
    </row>
    <row r="1760" spans="1:3" x14ac:dyDescent="0.35">
      <c r="A1760" s="3" t="s">
        <v>293</v>
      </c>
      <c r="B1760" s="3" t="s">
        <v>313</v>
      </c>
      <c r="C1760" s="284">
        <v>1</v>
      </c>
    </row>
    <row r="1761" spans="1:3" x14ac:dyDescent="0.35">
      <c r="A1761" s="3" t="s">
        <v>1515</v>
      </c>
      <c r="B1761" s="3" t="s">
        <v>1651</v>
      </c>
      <c r="C1761" s="284">
        <v>1</v>
      </c>
    </row>
    <row r="1762" spans="1:3" x14ac:dyDescent="0.35">
      <c r="A1762" s="3" t="s">
        <v>1974</v>
      </c>
      <c r="B1762" s="3" t="s">
        <v>2028</v>
      </c>
      <c r="C1762" s="284">
        <v>1</v>
      </c>
    </row>
    <row r="1763" spans="1:3" x14ac:dyDescent="0.35">
      <c r="A1763" s="3" t="s">
        <v>948</v>
      </c>
      <c r="B1763" s="3" t="s">
        <v>1335</v>
      </c>
      <c r="C1763" s="284">
        <v>1</v>
      </c>
    </row>
    <row r="1764" spans="1:3" x14ac:dyDescent="0.35">
      <c r="A1764" s="3" t="s">
        <v>948</v>
      </c>
      <c r="B1764" s="3" t="s">
        <v>1336</v>
      </c>
      <c r="C1764" s="284">
        <v>1</v>
      </c>
    </row>
    <row r="1765" spans="1:3" x14ac:dyDescent="0.35">
      <c r="A1765" s="3" t="s">
        <v>948</v>
      </c>
      <c r="B1765" s="3" t="s">
        <v>1337</v>
      </c>
      <c r="C1765" s="284">
        <v>1</v>
      </c>
    </row>
    <row r="1766" spans="1:3" x14ac:dyDescent="0.35">
      <c r="A1766" s="3" t="s">
        <v>948</v>
      </c>
      <c r="B1766" s="3" t="s">
        <v>1338</v>
      </c>
      <c r="C1766" s="284">
        <v>1</v>
      </c>
    </row>
    <row r="1767" spans="1:3" x14ac:dyDescent="0.35">
      <c r="A1767" s="3" t="s">
        <v>948</v>
      </c>
      <c r="B1767" s="3" t="s">
        <v>994</v>
      </c>
      <c r="C1767" s="284">
        <v>1</v>
      </c>
    </row>
    <row r="1768" spans="1:3" x14ac:dyDescent="0.35">
      <c r="A1768" s="3" t="s">
        <v>948</v>
      </c>
      <c r="B1768" s="3" t="s">
        <v>1339</v>
      </c>
      <c r="C1768" s="284">
        <v>1</v>
      </c>
    </row>
    <row r="1769" spans="1:3" x14ac:dyDescent="0.35">
      <c r="A1769" s="3" t="s">
        <v>948</v>
      </c>
      <c r="B1769" s="3" t="s">
        <v>1340</v>
      </c>
      <c r="C1769" s="284">
        <v>1</v>
      </c>
    </row>
    <row r="1770" spans="1:3" x14ac:dyDescent="0.35">
      <c r="A1770" s="3" t="s">
        <v>948</v>
      </c>
      <c r="B1770" s="3" t="s">
        <v>1344</v>
      </c>
      <c r="C1770" s="284">
        <v>1</v>
      </c>
    </row>
    <row r="1771" spans="1:3" x14ac:dyDescent="0.35">
      <c r="A1771" s="3" t="s">
        <v>948</v>
      </c>
      <c r="B1771" s="3" t="s">
        <v>1345</v>
      </c>
      <c r="C1771" s="284">
        <v>1</v>
      </c>
    </row>
    <row r="1772" spans="1:3" x14ac:dyDescent="0.35">
      <c r="A1772" s="3" t="s">
        <v>948</v>
      </c>
      <c r="B1772" s="3" t="s">
        <v>1349</v>
      </c>
      <c r="C1772" s="284">
        <v>1</v>
      </c>
    </row>
    <row r="1773" spans="1:3" x14ac:dyDescent="0.35">
      <c r="A1773" s="3" t="s">
        <v>948</v>
      </c>
      <c r="B1773" s="3" t="s">
        <v>1351</v>
      </c>
      <c r="C1773" s="284">
        <v>1</v>
      </c>
    </row>
    <row r="1774" spans="1:3" x14ac:dyDescent="0.35">
      <c r="A1774" s="3" t="s">
        <v>948</v>
      </c>
      <c r="B1774" s="3" t="s">
        <v>1352</v>
      </c>
      <c r="C1774" s="284">
        <v>1</v>
      </c>
    </row>
    <row r="1775" spans="1:3" x14ac:dyDescent="0.35">
      <c r="A1775" s="3" t="s">
        <v>948</v>
      </c>
      <c r="B1775" s="3" t="s">
        <v>1346</v>
      </c>
      <c r="C1775" s="284">
        <v>1</v>
      </c>
    </row>
    <row r="1776" spans="1:3" x14ac:dyDescent="0.35">
      <c r="A1776" s="3" t="s">
        <v>948</v>
      </c>
      <c r="B1776" s="3" t="s">
        <v>1347</v>
      </c>
      <c r="C1776" s="284">
        <v>1</v>
      </c>
    </row>
    <row r="1777" spans="1:3" x14ac:dyDescent="0.35">
      <c r="A1777" s="3" t="s">
        <v>948</v>
      </c>
      <c r="B1777" s="3" t="s">
        <v>1348</v>
      </c>
      <c r="C1777" s="284">
        <v>1</v>
      </c>
    </row>
    <row r="1778" spans="1:3" x14ac:dyDescent="0.35">
      <c r="A1778" s="3" t="s">
        <v>1812</v>
      </c>
      <c r="B1778" s="3" t="s">
        <v>1860</v>
      </c>
      <c r="C1778" s="284">
        <v>1</v>
      </c>
    </row>
    <row r="1779" spans="1:3" x14ac:dyDescent="0.35">
      <c r="A1779" s="3" t="s">
        <v>512</v>
      </c>
      <c r="B1779" s="3" t="s">
        <v>2329</v>
      </c>
      <c r="C1779" s="284">
        <v>1</v>
      </c>
    </row>
    <row r="1780" spans="1:3" x14ac:dyDescent="0.35">
      <c r="A1780" s="3" t="s">
        <v>512</v>
      </c>
      <c r="B1780" s="3" t="s">
        <v>565</v>
      </c>
      <c r="C1780" s="284">
        <v>1</v>
      </c>
    </row>
    <row r="1781" spans="1:3" x14ac:dyDescent="0.35">
      <c r="A1781" s="3" t="s">
        <v>885</v>
      </c>
      <c r="B1781" s="3" t="s">
        <v>565</v>
      </c>
      <c r="C1781" s="284">
        <v>1</v>
      </c>
    </row>
    <row r="1782" spans="1:3" x14ac:dyDescent="0.35">
      <c r="A1782" s="3" t="s">
        <v>1744</v>
      </c>
      <c r="B1782" s="3" t="s">
        <v>1771</v>
      </c>
      <c r="C1782" s="284">
        <v>1</v>
      </c>
    </row>
    <row r="1783" spans="1:3" x14ac:dyDescent="0.35">
      <c r="A1783" s="3" t="s">
        <v>948</v>
      </c>
      <c r="B1783" s="3" t="s">
        <v>1353</v>
      </c>
      <c r="C1783" s="284">
        <v>1</v>
      </c>
    </row>
    <row r="1784" spans="1:3" x14ac:dyDescent="0.35">
      <c r="A1784" s="3" t="s">
        <v>948</v>
      </c>
      <c r="B1784" s="3" t="s">
        <v>1354</v>
      </c>
      <c r="C1784" s="284">
        <v>1</v>
      </c>
    </row>
    <row r="1785" spans="1:3" x14ac:dyDescent="0.35">
      <c r="A1785" s="3" t="s">
        <v>948</v>
      </c>
      <c r="B1785" s="3" t="s">
        <v>1355</v>
      </c>
      <c r="C1785" s="284">
        <v>1</v>
      </c>
    </row>
    <row r="1786" spans="1:3" x14ac:dyDescent="0.35">
      <c r="A1786" s="3" t="s">
        <v>948</v>
      </c>
      <c r="B1786" s="3" t="s">
        <v>1356</v>
      </c>
      <c r="C1786" s="284">
        <v>1</v>
      </c>
    </row>
    <row r="1787" spans="1:3" x14ac:dyDescent="0.35">
      <c r="A1787" s="3" t="s">
        <v>948</v>
      </c>
      <c r="B1787" s="3" t="s">
        <v>1357</v>
      </c>
      <c r="C1787" s="284">
        <v>1</v>
      </c>
    </row>
    <row r="1788" spans="1:3" x14ac:dyDescent="0.35">
      <c r="A1788" s="3" t="s">
        <v>948</v>
      </c>
      <c r="B1788" s="3" t="s">
        <v>1358</v>
      </c>
      <c r="C1788" s="284">
        <v>1</v>
      </c>
    </row>
    <row r="1789" spans="1:3" x14ac:dyDescent="0.35">
      <c r="A1789" s="3" t="s">
        <v>948</v>
      </c>
      <c r="B1789" s="3" t="s">
        <v>1359</v>
      </c>
      <c r="C1789" s="284">
        <v>1</v>
      </c>
    </row>
    <row r="1790" spans="1:3" x14ac:dyDescent="0.35">
      <c r="A1790" s="3" t="s">
        <v>948</v>
      </c>
      <c r="B1790" s="3" t="s">
        <v>1360</v>
      </c>
      <c r="C1790" s="284">
        <v>1</v>
      </c>
    </row>
    <row r="1791" spans="1:3" x14ac:dyDescent="0.35">
      <c r="A1791" s="3" t="s">
        <v>948</v>
      </c>
      <c r="B1791" s="3" t="s">
        <v>1361</v>
      </c>
      <c r="C1791" s="284">
        <v>1</v>
      </c>
    </row>
    <row r="1792" spans="1:3" x14ac:dyDescent="0.35">
      <c r="A1792" s="3" t="s">
        <v>948</v>
      </c>
      <c r="B1792" s="3" t="s">
        <v>1362</v>
      </c>
      <c r="C1792" s="284">
        <v>1</v>
      </c>
    </row>
    <row r="1793" spans="1:3" x14ac:dyDescent="0.35">
      <c r="A1793" s="3" t="s">
        <v>948</v>
      </c>
      <c r="B1793" s="3" t="s">
        <v>1363</v>
      </c>
      <c r="C1793" s="284">
        <v>1</v>
      </c>
    </row>
    <row r="1794" spans="1:3" x14ac:dyDescent="0.35">
      <c r="A1794" s="3" t="s">
        <v>948</v>
      </c>
      <c r="B1794" s="3" t="s">
        <v>1364</v>
      </c>
      <c r="C1794" s="284">
        <v>1</v>
      </c>
    </row>
    <row r="1795" spans="1:3" x14ac:dyDescent="0.35">
      <c r="A1795" s="3" t="s">
        <v>948</v>
      </c>
      <c r="B1795" s="3" t="s">
        <v>1341</v>
      </c>
      <c r="C1795" s="284">
        <v>1</v>
      </c>
    </row>
    <row r="1796" spans="1:3" x14ac:dyDescent="0.35">
      <c r="A1796" s="3" t="s">
        <v>948</v>
      </c>
      <c r="B1796" s="3" t="s">
        <v>1365</v>
      </c>
      <c r="C1796" s="284">
        <v>1</v>
      </c>
    </row>
    <row r="1797" spans="1:3" x14ac:dyDescent="0.35">
      <c r="A1797" s="3" t="s">
        <v>948</v>
      </c>
      <c r="B1797" s="3" t="s">
        <v>1366</v>
      </c>
      <c r="C1797" s="284">
        <v>1</v>
      </c>
    </row>
    <row r="1798" spans="1:3" x14ac:dyDescent="0.35">
      <c r="A1798" s="3" t="s">
        <v>948</v>
      </c>
      <c r="B1798" s="3" t="s">
        <v>1367</v>
      </c>
      <c r="C1798" s="284">
        <v>1</v>
      </c>
    </row>
    <row r="1799" spans="1:3" x14ac:dyDescent="0.35">
      <c r="A1799" s="3" t="s">
        <v>948</v>
      </c>
      <c r="B1799" s="3" t="s">
        <v>1368</v>
      </c>
      <c r="C1799" s="284">
        <v>1</v>
      </c>
    </row>
    <row r="1800" spans="1:3" x14ac:dyDescent="0.35">
      <c r="A1800" s="3" t="s">
        <v>948</v>
      </c>
      <c r="B1800" s="3" t="s">
        <v>1369</v>
      </c>
      <c r="C1800" s="284">
        <v>1</v>
      </c>
    </row>
    <row r="1801" spans="1:3" x14ac:dyDescent="0.35">
      <c r="A1801" s="3" t="s">
        <v>948</v>
      </c>
      <c r="B1801" s="3" t="s">
        <v>1370</v>
      </c>
      <c r="C1801" s="284">
        <v>1</v>
      </c>
    </row>
    <row r="1802" spans="1:3" x14ac:dyDescent="0.35">
      <c r="A1802" s="3" t="s">
        <v>948</v>
      </c>
      <c r="B1802" s="3" t="s">
        <v>1371</v>
      </c>
      <c r="C1802" s="284">
        <v>1</v>
      </c>
    </row>
    <row r="1803" spans="1:3" x14ac:dyDescent="0.35">
      <c r="A1803" s="3" t="s">
        <v>948</v>
      </c>
      <c r="B1803" s="3" t="s">
        <v>1372</v>
      </c>
      <c r="C1803" s="284">
        <v>1</v>
      </c>
    </row>
    <row r="1804" spans="1:3" x14ac:dyDescent="0.35">
      <c r="A1804" s="3" t="s">
        <v>948</v>
      </c>
      <c r="B1804" s="3" t="s">
        <v>1373</v>
      </c>
      <c r="C1804" s="284">
        <v>1</v>
      </c>
    </row>
    <row r="1805" spans="1:3" x14ac:dyDescent="0.35">
      <c r="A1805" s="3" t="s">
        <v>948</v>
      </c>
      <c r="B1805" s="3" t="s">
        <v>1374</v>
      </c>
      <c r="C1805" s="284">
        <v>1</v>
      </c>
    </row>
    <row r="1806" spans="1:3" x14ac:dyDescent="0.35">
      <c r="A1806" s="3" t="s">
        <v>948</v>
      </c>
      <c r="B1806" s="3" t="s">
        <v>1375</v>
      </c>
      <c r="C1806" s="284">
        <v>1</v>
      </c>
    </row>
    <row r="1807" spans="1:3" x14ac:dyDescent="0.35">
      <c r="A1807" s="3" t="s">
        <v>948</v>
      </c>
      <c r="B1807" s="3" t="s">
        <v>1376</v>
      </c>
      <c r="C1807" s="284">
        <v>1</v>
      </c>
    </row>
    <row r="1808" spans="1:3" x14ac:dyDescent="0.35">
      <c r="A1808" s="3" t="s">
        <v>948</v>
      </c>
      <c r="B1808" s="3" t="s">
        <v>1377</v>
      </c>
      <c r="C1808" s="284">
        <v>1</v>
      </c>
    </row>
    <row r="1809" spans="1:3" x14ac:dyDescent="0.35">
      <c r="A1809" s="3" t="s">
        <v>948</v>
      </c>
      <c r="B1809" s="3" t="s">
        <v>1378</v>
      </c>
      <c r="C1809" s="284">
        <v>1</v>
      </c>
    </row>
    <row r="1810" spans="1:3" x14ac:dyDescent="0.35">
      <c r="A1810" s="3" t="s">
        <v>948</v>
      </c>
      <c r="B1810" s="3" t="s">
        <v>1379</v>
      </c>
      <c r="C1810" s="284">
        <v>1</v>
      </c>
    </row>
    <row r="1811" spans="1:3" x14ac:dyDescent="0.35">
      <c r="A1811" s="3" t="s">
        <v>948</v>
      </c>
      <c r="B1811" s="3" t="s">
        <v>1380</v>
      </c>
      <c r="C1811" s="284">
        <v>1</v>
      </c>
    </row>
    <row r="1812" spans="1:3" x14ac:dyDescent="0.35">
      <c r="A1812" s="3" t="s">
        <v>948</v>
      </c>
      <c r="B1812" s="3" t="s">
        <v>1381</v>
      </c>
      <c r="C1812" s="284">
        <v>1</v>
      </c>
    </row>
    <row r="1813" spans="1:3" x14ac:dyDescent="0.35">
      <c r="A1813" s="3" t="s">
        <v>948</v>
      </c>
      <c r="B1813" s="3" t="s">
        <v>1382</v>
      </c>
      <c r="C1813" s="284">
        <v>1</v>
      </c>
    </row>
    <row r="1814" spans="1:3" x14ac:dyDescent="0.35">
      <c r="A1814" s="3" t="s">
        <v>948</v>
      </c>
      <c r="B1814" s="3" t="s">
        <v>1383</v>
      </c>
      <c r="C1814" s="284">
        <v>1</v>
      </c>
    </row>
    <row r="1815" spans="1:3" x14ac:dyDescent="0.35">
      <c r="A1815" s="3" t="s">
        <v>948</v>
      </c>
      <c r="B1815" s="3" t="s">
        <v>1384</v>
      </c>
      <c r="C1815" s="284">
        <v>1</v>
      </c>
    </row>
    <row r="1816" spans="1:3" x14ac:dyDescent="0.35">
      <c r="A1816" s="3" t="s">
        <v>948</v>
      </c>
      <c r="B1816" s="3" t="s">
        <v>1385</v>
      </c>
      <c r="C1816" s="284">
        <v>1</v>
      </c>
    </row>
    <row r="1817" spans="1:3" x14ac:dyDescent="0.35">
      <c r="A1817" s="3" t="s">
        <v>948</v>
      </c>
      <c r="B1817" s="3" t="s">
        <v>1386</v>
      </c>
      <c r="C1817" s="284">
        <v>1</v>
      </c>
    </row>
    <row r="1818" spans="1:3" x14ac:dyDescent="0.35">
      <c r="A1818" s="3" t="s">
        <v>948</v>
      </c>
      <c r="B1818" s="3" t="s">
        <v>1387</v>
      </c>
      <c r="C1818" s="284">
        <v>1</v>
      </c>
    </row>
    <row r="1819" spans="1:3" x14ac:dyDescent="0.35">
      <c r="A1819" s="3" t="s">
        <v>948</v>
      </c>
      <c r="B1819" s="3" t="s">
        <v>1388</v>
      </c>
      <c r="C1819" s="284">
        <v>1</v>
      </c>
    </row>
    <row r="1820" spans="1:3" x14ac:dyDescent="0.35">
      <c r="A1820" s="3" t="s">
        <v>948</v>
      </c>
      <c r="B1820" s="3" t="s">
        <v>1389</v>
      </c>
      <c r="C1820" s="284">
        <v>1</v>
      </c>
    </row>
    <row r="1821" spans="1:3" x14ac:dyDescent="0.35">
      <c r="A1821" s="3" t="s">
        <v>948</v>
      </c>
      <c r="B1821" s="3" t="s">
        <v>1390</v>
      </c>
      <c r="C1821" s="284">
        <v>1</v>
      </c>
    </row>
    <row r="1822" spans="1:3" x14ac:dyDescent="0.35">
      <c r="A1822" s="3" t="s">
        <v>948</v>
      </c>
      <c r="B1822" s="3" t="s">
        <v>1391</v>
      </c>
      <c r="C1822" s="284">
        <v>1</v>
      </c>
    </row>
    <row r="1823" spans="1:3" x14ac:dyDescent="0.35">
      <c r="A1823" s="3" t="s">
        <v>948</v>
      </c>
      <c r="B1823" s="3" t="s">
        <v>1392</v>
      </c>
      <c r="C1823" s="284">
        <v>1</v>
      </c>
    </row>
    <row r="1824" spans="1:3" x14ac:dyDescent="0.35">
      <c r="A1824" s="3" t="s">
        <v>948</v>
      </c>
      <c r="B1824" s="3" t="s">
        <v>1393</v>
      </c>
      <c r="C1824" s="284">
        <v>1</v>
      </c>
    </row>
    <row r="1825" spans="1:3" x14ac:dyDescent="0.35">
      <c r="A1825" s="3" t="s">
        <v>948</v>
      </c>
      <c r="B1825" s="3" t="s">
        <v>1394</v>
      </c>
      <c r="C1825" s="284">
        <v>1</v>
      </c>
    </row>
    <row r="1826" spans="1:3" x14ac:dyDescent="0.35">
      <c r="A1826" s="3" t="s">
        <v>904</v>
      </c>
      <c r="B1826" s="3" t="s">
        <v>945</v>
      </c>
      <c r="C1826" s="284">
        <v>1</v>
      </c>
    </row>
    <row r="1827" spans="1:3" x14ac:dyDescent="0.35">
      <c r="A1827" s="3" t="s">
        <v>948</v>
      </c>
      <c r="B1827" s="3" t="s">
        <v>1395</v>
      </c>
      <c r="C1827" s="284">
        <v>1</v>
      </c>
    </row>
    <row r="1828" spans="1:3" x14ac:dyDescent="0.35">
      <c r="A1828" s="3" t="s">
        <v>948</v>
      </c>
      <c r="B1828" s="3" t="s">
        <v>1396</v>
      </c>
      <c r="C1828" s="284">
        <v>1</v>
      </c>
    </row>
    <row r="1829" spans="1:3" x14ac:dyDescent="0.35">
      <c r="A1829" s="3" t="s">
        <v>948</v>
      </c>
      <c r="B1829" s="3" t="s">
        <v>1397</v>
      </c>
      <c r="C1829" s="284">
        <v>1</v>
      </c>
    </row>
    <row r="1830" spans="1:3" x14ac:dyDescent="0.35">
      <c r="A1830" s="3" t="s">
        <v>948</v>
      </c>
      <c r="B1830" s="3" t="s">
        <v>1398</v>
      </c>
      <c r="C1830" s="284">
        <v>1</v>
      </c>
    </row>
    <row r="1831" spans="1:3" x14ac:dyDescent="0.35">
      <c r="A1831" s="3" t="s">
        <v>948</v>
      </c>
      <c r="B1831" s="3" t="s">
        <v>1399</v>
      </c>
      <c r="C1831" s="284">
        <v>1</v>
      </c>
    </row>
    <row r="1832" spans="1:3" x14ac:dyDescent="0.35">
      <c r="A1832" s="3" t="s">
        <v>948</v>
      </c>
      <c r="B1832" s="3" t="s">
        <v>1400</v>
      </c>
      <c r="C1832" s="284">
        <v>1</v>
      </c>
    </row>
    <row r="1833" spans="1:3" x14ac:dyDescent="0.35">
      <c r="A1833" s="3" t="s">
        <v>948</v>
      </c>
      <c r="B1833" s="3" t="s">
        <v>1401</v>
      </c>
      <c r="C1833" s="284">
        <v>1</v>
      </c>
    </row>
    <row r="1834" spans="1:3" x14ac:dyDescent="0.35">
      <c r="A1834" s="3" t="s">
        <v>948</v>
      </c>
      <c r="B1834" s="3" t="s">
        <v>1402</v>
      </c>
      <c r="C1834" s="284">
        <v>1</v>
      </c>
    </row>
    <row r="1835" spans="1:3" x14ac:dyDescent="0.35">
      <c r="A1835" s="3" t="s">
        <v>948</v>
      </c>
      <c r="B1835" s="3" t="s">
        <v>1404</v>
      </c>
      <c r="C1835" s="284">
        <v>1</v>
      </c>
    </row>
    <row r="1836" spans="1:3" x14ac:dyDescent="0.35">
      <c r="A1836" s="3" t="s">
        <v>948</v>
      </c>
      <c r="B1836" s="3" t="s">
        <v>1405</v>
      </c>
      <c r="C1836" s="284">
        <v>1</v>
      </c>
    </row>
    <row r="1837" spans="1:3" x14ac:dyDescent="0.35">
      <c r="A1837" s="3" t="s">
        <v>948</v>
      </c>
      <c r="B1837" s="3" t="s">
        <v>1403</v>
      </c>
      <c r="C1837" s="284">
        <v>1</v>
      </c>
    </row>
    <row r="1838" spans="1:3" x14ac:dyDescent="0.35">
      <c r="A1838" s="3" t="s">
        <v>54</v>
      </c>
      <c r="B1838" s="3" t="s">
        <v>483</v>
      </c>
      <c r="C1838" s="284">
        <v>1</v>
      </c>
    </row>
    <row r="1839" spans="1:3" x14ac:dyDescent="0.35">
      <c r="A1839" s="3" t="s">
        <v>948</v>
      </c>
      <c r="B1839" s="3" t="s">
        <v>1406</v>
      </c>
      <c r="C1839" s="284">
        <v>1</v>
      </c>
    </row>
    <row r="1840" spans="1:3" x14ac:dyDescent="0.35">
      <c r="A1840" s="3" t="s">
        <v>176</v>
      </c>
      <c r="B1840" s="3" t="s">
        <v>292</v>
      </c>
      <c r="C1840" s="284">
        <v>1</v>
      </c>
    </row>
    <row r="1841" spans="1:3" x14ac:dyDescent="0.35">
      <c r="A1841" s="3" t="s">
        <v>948</v>
      </c>
      <c r="B1841" s="3" t="s">
        <v>1407</v>
      </c>
      <c r="C1841" s="284">
        <v>1</v>
      </c>
    </row>
    <row r="1842" spans="1:3" x14ac:dyDescent="0.35">
      <c r="A1842" s="3" t="s">
        <v>948</v>
      </c>
      <c r="B1842" s="3" t="s">
        <v>1408</v>
      </c>
      <c r="C1842" s="284">
        <v>1</v>
      </c>
    </row>
    <row r="1843" spans="1:3" x14ac:dyDescent="0.35">
      <c r="A1843" s="3" t="s">
        <v>948</v>
      </c>
      <c r="B1843" s="3" t="s">
        <v>1409</v>
      </c>
      <c r="C1843" s="284">
        <v>1</v>
      </c>
    </row>
    <row r="1844" spans="1:3" x14ac:dyDescent="0.35">
      <c r="A1844" s="3" t="s">
        <v>948</v>
      </c>
      <c r="B1844" s="3" t="s">
        <v>1410</v>
      </c>
      <c r="C1844" s="284">
        <v>1</v>
      </c>
    </row>
    <row r="1845" spans="1:3" x14ac:dyDescent="0.35">
      <c r="A1845" s="3" t="s">
        <v>885</v>
      </c>
      <c r="B1845" s="3" t="s">
        <v>899</v>
      </c>
      <c r="C1845" s="284">
        <v>1</v>
      </c>
    </row>
    <row r="1846" spans="1:3" x14ac:dyDescent="0.35">
      <c r="A1846" s="3" t="s">
        <v>948</v>
      </c>
      <c r="B1846" s="3" t="s">
        <v>1411</v>
      </c>
      <c r="C1846" s="284">
        <v>1</v>
      </c>
    </row>
    <row r="1847" spans="1:3" x14ac:dyDescent="0.35">
      <c r="A1847" s="3" t="s">
        <v>948</v>
      </c>
      <c r="B1847" s="3" t="s">
        <v>1412</v>
      </c>
      <c r="C1847" s="284">
        <v>1</v>
      </c>
    </row>
    <row r="1848" spans="1:3" x14ac:dyDescent="0.35">
      <c r="A1848" s="3" t="s">
        <v>948</v>
      </c>
      <c r="B1848" s="3" t="s">
        <v>1413</v>
      </c>
      <c r="C1848" s="284">
        <v>1</v>
      </c>
    </row>
    <row r="1849" spans="1:3" x14ac:dyDescent="0.35">
      <c r="A1849" s="3" t="s">
        <v>948</v>
      </c>
      <c r="B1849" s="3" t="s">
        <v>1414</v>
      </c>
      <c r="C1849" s="284">
        <v>1</v>
      </c>
    </row>
    <row r="1850" spans="1:3" x14ac:dyDescent="0.35">
      <c r="A1850" s="3" t="s">
        <v>948</v>
      </c>
      <c r="B1850" s="3" t="s">
        <v>1415</v>
      </c>
      <c r="C1850" s="284">
        <v>1</v>
      </c>
    </row>
    <row r="1851" spans="1:3" x14ac:dyDescent="0.35">
      <c r="A1851" s="3" t="s">
        <v>948</v>
      </c>
      <c r="B1851" s="3" t="s">
        <v>1416</v>
      </c>
      <c r="C1851" s="284">
        <v>1</v>
      </c>
    </row>
    <row r="1852" spans="1:3" x14ac:dyDescent="0.35">
      <c r="A1852" s="3" t="s">
        <v>948</v>
      </c>
      <c r="B1852" s="3" t="s">
        <v>1417</v>
      </c>
      <c r="C1852" s="284">
        <v>1</v>
      </c>
    </row>
    <row r="1853" spans="1:3" x14ac:dyDescent="0.35">
      <c r="A1853" s="3" t="s">
        <v>948</v>
      </c>
      <c r="B1853" s="3" t="s">
        <v>1418</v>
      </c>
      <c r="C1853" s="284">
        <v>1</v>
      </c>
    </row>
    <row r="1854" spans="1:3" x14ac:dyDescent="0.35">
      <c r="A1854" s="3" t="s">
        <v>948</v>
      </c>
      <c r="B1854" s="3" t="s">
        <v>1419</v>
      </c>
      <c r="C1854" s="284">
        <v>1</v>
      </c>
    </row>
    <row r="1855" spans="1:3" x14ac:dyDescent="0.35">
      <c r="A1855" s="3" t="s">
        <v>133</v>
      </c>
      <c r="B1855" s="3" t="s">
        <v>165</v>
      </c>
      <c r="C1855" s="284">
        <v>1</v>
      </c>
    </row>
    <row r="1856" spans="1:3" x14ac:dyDescent="0.35">
      <c r="A1856" s="3" t="s">
        <v>948</v>
      </c>
      <c r="B1856" s="3" t="s">
        <v>1420</v>
      </c>
      <c r="C1856" s="284">
        <v>1</v>
      </c>
    </row>
    <row r="1857" spans="1:3" x14ac:dyDescent="0.35">
      <c r="A1857" s="3" t="s">
        <v>1515</v>
      </c>
      <c r="B1857" s="3" t="s">
        <v>1652</v>
      </c>
      <c r="C1857" s="284">
        <v>1</v>
      </c>
    </row>
    <row r="1858" spans="1:3" x14ac:dyDescent="0.35">
      <c r="A1858" s="3" t="s">
        <v>948</v>
      </c>
      <c r="B1858" s="3" t="s">
        <v>1421</v>
      </c>
      <c r="C1858" s="284">
        <v>1</v>
      </c>
    </row>
    <row r="1859" spans="1:3" x14ac:dyDescent="0.35">
      <c r="A1859" s="3" t="s">
        <v>948</v>
      </c>
      <c r="B1859" s="3" t="s">
        <v>1422</v>
      </c>
      <c r="C1859" s="284">
        <v>1</v>
      </c>
    </row>
    <row r="1860" spans="1:3" x14ac:dyDescent="0.35">
      <c r="A1860" s="3" t="s">
        <v>948</v>
      </c>
      <c r="B1860" s="3" t="s">
        <v>1423</v>
      </c>
      <c r="C1860" s="284">
        <v>1</v>
      </c>
    </row>
    <row r="1861" spans="1:3" x14ac:dyDescent="0.35">
      <c r="A1861" s="3" t="s">
        <v>948</v>
      </c>
      <c r="B1861" s="3" t="s">
        <v>1424</v>
      </c>
      <c r="C1861" s="284">
        <v>1</v>
      </c>
    </row>
    <row r="1862" spans="1:3" x14ac:dyDescent="0.35">
      <c r="A1862" s="3" t="s">
        <v>948</v>
      </c>
      <c r="B1862" s="3" t="s">
        <v>1013</v>
      </c>
      <c r="C1862" s="284">
        <v>1</v>
      </c>
    </row>
    <row r="1863" spans="1:3" x14ac:dyDescent="0.35">
      <c r="A1863" s="3" t="s">
        <v>948</v>
      </c>
      <c r="B1863" s="3" t="s">
        <v>1425</v>
      </c>
      <c r="C1863" s="284">
        <v>1</v>
      </c>
    </row>
    <row r="1864" spans="1:3" x14ac:dyDescent="0.35">
      <c r="A1864" s="3" t="s">
        <v>948</v>
      </c>
      <c r="B1864" s="3" t="s">
        <v>1426</v>
      </c>
      <c r="C1864" s="284">
        <v>1</v>
      </c>
    </row>
    <row r="1865" spans="1:3" x14ac:dyDescent="0.35">
      <c r="A1865" s="3" t="s">
        <v>45</v>
      </c>
      <c r="B1865" s="3" t="s">
        <v>76</v>
      </c>
      <c r="C1865" s="284">
        <v>1</v>
      </c>
    </row>
    <row r="1866" spans="1:3" x14ac:dyDescent="0.35">
      <c r="A1866" s="3" t="s">
        <v>948</v>
      </c>
      <c r="B1866" s="3" t="s">
        <v>1427</v>
      </c>
      <c r="C1866" s="284">
        <v>1</v>
      </c>
    </row>
    <row r="1867" spans="1:3" x14ac:dyDescent="0.35">
      <c r="A1867" s="3" t="s">
        <v>2133</v>
      </c>
      <c r="B1867" s="3" t="s">
        <v>2322</v>
      </c>
      <c r="C1867" s="284">
        <v>1</v>
      </c>
    </row>
    <row r="1868" spans="1:3" x14ac:dyDescent="0.35">
      <c r="A1868" s="3" t="s">
        <v>948</v>
      </c>
      <c r="B1868" s="3" t="s">
        <v>1428</v>
      </c>
      <c r="C1868" s="284">
        <v>1</v>
      </c>
    </row>
    <row r="1869" spans="1:3" x14ac:dyDescent="0.35">
      <c r="A1869" s="3" t="s">
        <v>948</v>
      </c>
      <c r="B1869" s="3" t="s">
        <v>1429</v>
      </c>
      <c r="C1869" s="284">
        <v>1</v>
      </c>
    </row>
    <row r="1870" spans="1:3" x14ac:dyDescent="0.35">
      <c r="A1870" s="3" t="s">
        <v>948</v>
      </c>
      <c r="B1870" s="3" t="s">
        <v>1430</v>
      </c>
      <c r="C1870" s="284">
        <v>1</v>
      </c>
    </row>
    <row r="1871" spans="1:3" x14ac:dyDescent="0.35">
      <c r="A1871" s="3" t="s">
        <v>948</v>
      </c>
      <c r="B1871" s="3" t="s">
        <v>1432</v>
      </c>
      <c r="C1871" s="284">
        <v>1</v>
      </c>
    </row>
    <row r="1872" spans="1:3" x14ac:dyDescent="0.35">
      <c r="A1872" s="3" t="s">
        <v>948</v>
      </c>
      <c r="B1872" s="3" t="s">
        <v>1433</v>
      </c>
      <c r="C1872" s="284">
        <v>1</v>
      </c>
    </row>
    <row r="1873" spans="1:3" x14ac:dyDescent="0.35">
      <c r="A1873" s="3" t="s">
        <v>948</v>
      </c>
      <c r="B1873" s="3" t="s">
        <v>1434</v>
      </c>
      <c r="C1873" s="284">
        <v>1</v>
      </c>
    </row>
    <row r="1874" spans="1:3" x14ac:dyDescent="0.35">
      <c r="A1874" s="3" t="s">
        <v>948</v>
      </c>
      <c r="B1874" s="3" t="s">
        <v>1435</v>
      </c>
      <c r="C1874" s="284">
        <v>1</v>
      </c>
    </row>
    <row r="1875" spans="1:3" x14ac:dyDescent="0.35">
      <c r="A1875" s="3" t="s">
        <v>948</v>
      </c>
      <c r="B1875" s="3" t="s">
        <v>1436</v>
      </c>
      <c r="C1875" s="284">
        <v>1</v>
      </c>
    </row>
    <row r="1876" spans="1:3" x14ac:dyDescent="0.35">
      <c r="A1876" s="3" t="s">
        <v>948</v>
      </c>
      <c r="B1876" s="3" t="s">
        <v>1437</v>
      </c>
      <c r="C1876" s="284">
        <v>1</v>
      </c>
    </row>
    <row r="1877" spans="1:3" x14ac:dyDescent="0.35">
      <c r="A1877" s="3" t="s">
        <v>948</v>
      </c>
      <c r="B1877" s="3" t="s">
        <v>1438</v>
      </c>
      <c r="C1877" s="284">
        <v>1</v>
      </c>
    </row>
    <row r="1878" spans="1:3" x14ac:dyDescent="0.35">
      <c r="A1878" s="3" t="s">
        <v>948</v>
      </c>
      <c r="B1878" s="3" t="s">
        <v>1439</v>
      </c>
      <c r="C1878" s="284">
        <v>1</v>
      </c>
    </row>
    <row r="1879" spans="1:3" x14ac:dyDescent="0.35">
      <c r="A1879" s="3" t="s">
        <v>54</v>
      </c>
      <c r="B1879" s="3" t="s">
        <v>484</v>
      </c>
      <c r="C1879" s="284">
        <v>1</v>
      </c>
    </row>
    <row r="1880" spans="1:3" x14ac:dyDescent="0.35">
      <c r="A1880" s="3" t="s">
        <v>2133</v>
      </c>
      <c r="B1880" s="3" t="s">
        <v>2262</v>
      </c>
      <c r="C1880" s="284">
        <v>1</v>
      </c>
    </row>
    <row r="1881" spans="1:3" x14ac:dyDescent="0.35">
      <c r="A1881" s="3" t="s">
        <v>948</v>
      </c>
      <c r="B1881" s="3" t="s">
        <v>1440</v>
      </c>
      <c r="C1881" s="284">
        <v>1</v>
      </c>
    </row>
    <row r="1882" spans="1:3" x14ac:dyDescent="0.35">
      <c r="A1882" s="3" t="s">
        <v>948</v>
      </c>
      <c r="B1882" s="3" t="s">
        <v>1441</v>
      </c>
      <c r="C1882" s="284">
        <v>1</v>
      </c>
    </row>
    <row r="1883" spans="1:3" x14ac:dyDescent="0.35">
      <c r="A1883" s="3" t="s">
        <v>948</v>
      </c>
      <c r="B1883" s="3" t="s">
        <v>1442</v>
      </c>
      <c r="C1883" s="284">
        <v>1</v>
      </c>
    </row>
    <row r="1884" spans="1:3" x14ac:dyDescent="0.35">
      <c r="A1884" s="3" t="s">
        <v>948</v>
      </c>
      <c r="B1884" s="3" t="s">
        <v>1443</v>
      </c>
      <c r="C1884" s="284">
        <v>1</v>
      </c>
    </row>
    <row r="1885" spans="1:3" x14ac:dyDescent="0.35">
      <c r="A1885" s="3" t="s">
        <v>948</v>
      </c>
      <c r="B1885" s="3" t="s">
        <v>1444</v>
      </c>
      <c r="C1885" s="284">
        <v>1</v>
      </c>
    </row>
    <row r="1886" spans="1:3" x14ac:dyDescent="0.35">
      <c r="A1886" s="3" t="s">
        <v>948</v>
      </c>
      <c r="B1886" s="3" t="s">
        <v>1445</v>
      </c>
      <c r="C1886" s="284">
        <v>1</v>
      </c>
    </row>
    <row r="1887" spans="1:3" x14ac:dyDescent="0.35">
      <c r="A1887" s="3" t="s">
        <v>948</v>
      </c>
      <c r="B1887" s="3" t="s">
        <v>1446</v>
      </c>
      <c r="C1887" s="284">
        <v>1</v>
      </c>
    </row>
    <row r="1888" spans="1:3" x14ac:dyDescent="0.35">
      <c r="A1888" s="3" t="s">
        <v>948</v>
      </c>
      <c r="B1888" s="3" t="s">
        <v>1447</v>
      </c>
      <c r="C1888" s="284">
        <v>1</v>
      </c>
    </row>
    <row r="1889" spans="1:3" x14ac:dyDescent="0.35">
      <c r="A1889" s="3" t="s">
        <v>948</v>
      </c>
      <c r="B1889" s="3" t="s">
        <v>1448</v>
      </c>
      <c r="C1889" s="284">
        <v>1</v>
      </c>
    </row>
    <row r="1890" spans="1:3" x14ac:dyDescent="0.35">
      <c r="A1890" s="3" t="s">
        <v>1744</v>
      </c>
      <c r="B1890" s="3" t="s">
        <v>1772</v>
      </c>
      <c r="C1890" s="284">
        <v>1</v>
      </c>
    </row>
    <row r="1891" spans="1:3" x14ac:dyDescent="0.35">
      <c r="A1891" s="3" t="s">
        <v>948</v>
      </c>
      <c r="B1891" s="3" t="s">
        <v>1451</v>
      </c>
      <c r="C1891" s="284">
        <v>1</v>
      </c>
    </row>
    <row r="1892" spans="1:3" x14ac:dyDescent="0.35">
      <c r="A1892" s="3" t="s">
        <v>948</v>
      </c>
      <c r="B1892" s="3" t="s">
        <v>1452</v>
      </c>
      <c r="C1892" s="284">
        <v>1</v>
      </c>
    </row>
    <row r="1893" spans="1:3" x14ac:dyDescent="0.35">
      <c r="A1893" s="3" t="s">
        <v>948</v>
      </c>
      <c r="B1893" s="3" t="s">
        <v>1453</v>
      </c>
      <c r="C1893" s="284">
        <v>1</v>
      </c>
    </row>
    <row r="1894" spans="1:3" x14ac:dyDescent="0.35">
      <c r="A1894" s="3" t="s">
        <v>948</v>
      </c>
      <c r="B1894" s="3" t="s">
        <v>1454</v>
      </c>
      <c r="C1894" s="284">
        <v>1</v>
      </c>
    </row>
    <row r="1895" spans="1:3" x14ac:dyDescent="0.35">
      <c r="A1895" s="3" t="s">
        <v>948</v>
      </c>
      <c r="B1895" s="3" t="s">
        <v>1450</v>
      </c>
      <c r="C1895" s="284">
        <v>1</v>
      </c>
    </row>
    <row r="1896" spans="1:3" x14ac:dyDescent="0.35">
      <c r="A1896" s="3" t="s">
        <v>948</v>
      </c>
      <c r="B1896" s="3" t="s">
        <v>1455</v>
      </c>
      <c r="C1896" s="284">
        <v>1</v>
      </c>
    </row>
    <row r="1897" spans="1:3" x14ac:dyDescent="0.35">
      <c r="A1897" s="3" t="s">
        <v>948</v>
      </c>
      <c r="B1897" s="3" t="s">
        <v>1456</v>
      </c>
      <c r="C1897" s="284">
        <v>1</v>
      </c>
    </row>
    <row r="1898" spans="1:3" x14ac:dyDescent="0.35">
      <c r="A1898" s="3" t="s">
        <v>948</v>
      </c>
      <c r="B1898" s="3" t="s">
        <v>1457</v>
      </c>
      <c r="C1898" s="284">
        <v>1</v>
      </c>
    </row>
    <row r="1899" spans="1:3" x14ac:dyDescent="0.35">
      <c r="A1899" s="3" t="s">
        <v>948</v>
      </c>
      <c r="B1899" s="3" t="s">
        <v>1458</v>
      </c>
      <c r="C1899" s="284">
        <v>1</v>
      </c>
    </row>
    <row r="1900" spans="1:3" x14ac:dyDescent="0.35">
      <c r="A1900" s="3" t="s">
        <v>948</v>
      </c>
      <c r="B1900" s="3" t="s">
        <v>1459</v>
      </c>
      <c r="C1900" s="284">
        <v>1</v>
      </c>
    </row>
    <row r="1901" spans="1:3" x14ac:dyDescent="0.35">
      <c r="A1901" s="3" t="s">
        <v>948</v>
      </c>
      <c r="B1901" s="3" t="s">
        <v>1460</v>
      </c>
      <c r="C1901" s="284">
        <v>1</v>
      </c>
    </row>
    <row r="1902" spans="1:3" x14ac:dyDescent="0.35">
      <c r="A1902" s="3" t="s">
        <v>948</v>
      </c>
      <c r="B1902" s="3" t="s">
        <v>1461</v>
      </c>
      <c r="C1902" s="284">
        <v>1</v>
      </c>
    </row>
    <row r="1903" spans="1:3" x14ac:dyDescent="0.35">
      <c r="A1903" s="3" t="s">
        <v>948</v>
      </c>
      <c r="B1903" s="3" t="s">
        <v>1462</v>
      </c>
      <c r="C1903" s="284">
        <v>1</v>
      </c>
    </row>
    <row r="1904" spans="1:3" x14ac:dyDescent="0.35">
      <c r="A1904" s="3" t="s">
        <v>948</v>
      </c>
      <c r="B1904" s="3" t="s">
        <v>1463</v>
      </c>
      <c r="C1904" s="284">
        <v>1</v>
      </c>
    </row>
    <row r="1905" spans="1:3" x14ac:dyDescent="0.35">
      <c r="A1905" s="3" t="s">
        <v>948</v>
      </c>
      <c r="B1905" s="3" t="s">
        <v>1464</v>
      </c>
      <c r="C1905" s="284">
        <v>1</v>
      </c>
    </row>
    <row r="1906" spans="1:3" x14ac:dyDescent="0.35">
      <c r="A1906" s="3" t="s">
        <v>948</v>
      </c>
      <c r="B1906" s="3" t="s">
        <v>1465</v>
      </c>
      <c r="C1906" s="284">
        <v>1</v>
      </c>
    </row>
    <row r="1907" spans="1:3" x14ac:dyDescent="0.35">
      <c r="A1907" s="3" t="s">
        <v>948</v>
      </c>
      <c r="B1907" s="3" t="s">
        <v>1466</v>
      </c>
      <c r="C1907" s="284">
        <v>1</v>
      </c>
    </row>
    <row r="1908" spans="1:3" x14ac:dyDescent="0.35">
      <c r="A1908" s="3" t="s">
        <v>948</v>
      </c>
      <c r="B1908" s="3" t="s">
        <v>1467</v>
      </c>
      <c r="C1908" s="284">
        <v>1</v>
      </c>
    </row>
    <row r="1909" spans="1:3" x14ac:dyDescent="0.35">
      <c r="A1909" s="3" t="s">
        <v>948</v>
      </c>
      <c r="B1909" s="3" t="s">
        <v>1468</v>
      </c>
      <c r="C1909" s="284">
        <v>1</v>
      </c>
    </row>
    <row r="1910" spans="1:3" x14ac:dyDescent="0.35">
      <c r="A1910" s="3" t="s">
        <v>948</v>
      </c>
      <c r="B1910" s="3" t="s">
        <v>1469</v>
      </c>
      <c r="C1910" s="284">
        <v>1</v>
      </c>
    </row>
    <row r="1911" spans="1:3" x14ac:dyDescent="0.35">
      <c r="A1911" s="3" t="s">
        <v>948</v>
      </c>
      <c r="B1911" s="3" t="s">
        <v>1470</v>
      </c>
      <c r="C1911" s="284">
        <v>1</v>
      </c>
    </row>
    <row r="1912" spans="1:3" x14ac:dyDescent="0.35">
      <c r="A1912" s="3" t="s">
        <v>631</v>
      </c>
      <c r="B1912" s="3" t="s">
        <v>704</v>
      </c>
      <c r="C1912" s="284">
        <v>1</v>
      </c>
    </row>
    <row r="1913" spans="1:3" x14ac:dyDescent="0.35">
      <c r="A1913" s="3" t="s">
        <v>1515</v>
      </c>
      <c r="B1913" s="3" t="s">
        <v>1654</v>
      </c>
      <c r="C1913" s="284">
        <v>1</v>
      </c>
    </row>
    <row r="1914" spans="1:3" x14ac:dyDescent="0.35">
      <c r="A1914" s="3" t="s">
        <v>948</v>
      </c>
      <c r="B1914" s="3" t="s">
        <v>1475</v>
      </c>
      <c r="C1914" s="284">
        <v>1</v>
      </c>
    </row>
    <row r="1915" spans="1:3" x14ac:dyDescent="0.35">
      <c r="A1915" s="3" t="s">
        <v>948</v>
      </c>
      <c r="B1915" s="3" t="s">
        <v>1476</v>
      </c>
      <c r="C1915" s="284">
        <v>1</v>
      </c>
    </row>
    <row r="1916" spans="1:3" x14ac:dyDescent="0.35">
      <c r="A1916" s="3" t="s">
        <v>948</v>
      </c>
      <c r="B1916" s="3" t="s">
        <v>1477</v>
      </c>
      <c r="C1916" s="284">
        <v>1</v>
      </c>
    </row>
    <row r="1917" spans="1:3" x14ac:dyDescent="0.35">
      <c r="A1917" s="3" t="s">
        <v>948</v>
      </c>
      <c r="B1917" s="3" t="s">
        <v>1478</v>
      </c>
      <c r="C1917" s="284">
        <v>1</v>
      </c>
    </row>
    <row r="1918" spans="1:3" x14ac:dyDescent="0.35">
      <c r="A1918" s="3" t="s">
        <v>948</v>
      </c>
      <c r="B1918" s="3" t="s">
        <v>1471</v>
      </c>
      <c r="C1918" s="284">
        <v>1</v>
      </c>
    </row>
    <row r="1919" spans="1:3" x14ac:dyDescent="0.35">
      <c r="A1919" s="3" t="s">
        <v>948</v>
      </c>
      <c r="B1919" s="3" t="s">
        <v>1472</v>
      </c>
      <c r="C1919" s="284">
        <v>1</v>
      </c>
    </row>
    <row r="1920" spans="1:3" x14ac:dyDescent="0.35">
      <c r="A1920" s="3" t="s">
        <v>948</v>
      </c>
      <c r="B1920" s="3" t="s">
        <v>1473</v>
      </c>
      <c r="C1920" s="284">
        <v>1</v>
      </c>
    </row>
    <row r="1921" spans="1:3" x14ac:dyDescent="0.35">
      <c r="A1921" s="3" t="s">
        <v>948</v>
      </c>
      <c r="B1921" s="3" t="s">
        <v>1474</v>
      </c>
      <c r="C1921" s="284">
        <v>1</v>
      </c>
    </row>
    <row r="1922" spans="1:3" x14ac:dyDescent="0.35">
      <c r="A1922" s="3" t="s">
        <v>1880</v>
      </c>
      <c r="B1922" s="3" t="s">
        <v>1934</v>
      </c>
      <c r="C1922" s="284">
        <v>1</v>
      </c>
    </row>
    <row r="1923" spans="1:3" x14ac:dyDescent="0.35">
      <c r="A1923" s="3" t="s">
        <v>293</v>
      </c>
      <c r="B1923" s="3" t="s">
        <v>344</v>
      </c>
      <c r="C1923" s="284">
        <v>1</v>
      </c>
    </row>
    <row r="1924" spans="1:3" x14ac:dyDescent="0.35">
      <c r="A1924" s="3" t="s">
        <v>293</v>
      </c>
      <c r="B1924" s="3" t="s">
        <v>345</v>
      </c>
      <c r="C1924" s="284">
        <v>1</v>
      </c>
    </row>
    <row r="1925" spans="1:3" x14ac:dyDescent="0.35">
      <c r="A1925" s="3" t="s">
        <v>512</v>
      </c>
      <c r="B1925" s="3" t="s">
        <v>588</v>
      </c>
      <c r="C1925" s="284">
        <v>1</v>
      </c>
    </row>
    <row r="1926" spans="1:3" x14ac:dyDescent="0.35">
      <c r="A1926" s="3" t="s">
        <v>2133</v>
      </c>
      <c r="B1926" s="3" t="s">
        <v>2263</v>
      </c>
      <c r="C1926" s="284">
        <v>1</v>
      </c>
    </row>
    <row r="1927" spans="1:3" x14ac:dyDescent="0.35">
      <c r="A1927" s="3" t="s">
        <v>751</v>
      </c>
      <c r="B1927" s="3" t="s">
        <v>823</v>
      </c>
      <c r="C1927" s="284">
        <v>1</v>
      </c>
    </row>
    <row r="1928" spans="1:3" x14ac:dyDescent="0.35">
      <c r="A1928" s="3" t="s">
        <v>2029</v>
      </c>
      <c r="B1928" s="3" t="s">
        <v>2093</v>
      </c>
      <c r="C1928" s="284">
        <v>1</v>
      </c>
    </row>
    <row r="1929" spans="1:3" x14ac:dyDescent="0.35">
      <c r="A1929" s="3" t="s">
        <v>84</v>
      </c>
      <c r="B1929" s="3" t="s">
        <v>115</v>
      </c>
      <c r="C1929" s="284">
        <v>1</v>
      </c>
    </row>
    <row r="1930" spans="1:3" x14ac:dyDescent="0.35">
      <c r="A1930" s="3" t="s">
        <v>948</v>
      </c>
      <c r="B1930" s="3" t="s">
        <v>1482</v>
      </c>
      <c r="C1930" s="284">
        <v>1</v>
      </c>
    </row>
    <row r="1931" spans="1:3" x14ac:dyDescent="0.35">
      <c r="A1931" s="3" t="s">
        <v>133</v>
      </c>
      <c r="B1931" s="278" t="s">
        <v>166</v>
      </c>
      <c r="C1931" s="284">
        <v>0.97</v>
      </c>
    </row>
    <row r="1932" spans="1:3" x14ac:dyDescent="0.35">
      <c r="A1932" s="3" t="s">
        <v>176</v>
      </c>
      <c r="B1932" s="3" t="s">
        <v>255</v>
      </c>
      <c r="C1932" s="284">
        <v>1</v>
      </c>
    </row>
    <row r="1933" spans="1:3" x14ac:dyDescent="0.35">
      <c r="A1933" s="3" t="s">
        <v>176</v>
      </c>
      <c r="B1933" s="3" t="s">
        <v>256</v>
      </c>
      <c r="C1933" s="284">
        <v>1</v>
      </c>
    </row>
    <row r="1934" spans="1:3" x14ac:dyDescent="0.35">
      <c r="A1934" s="3" t="s">
        <v>1861</v>
      </c>
      <c r="B1934" s="3" t="s">
        <v>1861</v>
      </c>
      <c r="C1934" s="284">
        <v>1</v>
      </c>
    </row>
    <row r="1935" spans="1:3" x14ac:dyDescent="0.35">
      <c r="A1935" s="3" t="s">
        <v>2029</v>
      </c>
      <c r="B1935" s="3" t="s">
        <v>2094</v>
      </c>
      <c r="C1935" s="284">
        <v>1</v>
      </c>
    </row>
    <row r="1936" spans="1:3" x14ac:dyDescent="0.35">
      <c r="A1936" s="3" t="s">
        <v>54</v>
      </c>
      <c r="B1936" s="3" t="s">
        <v>485</v>
      </c>
      <c r="C1936" s="284">
        <v>1</v>
      </c>
    </row>
    <row r="1937" spans="1:3" x14ac:dyDescent="0.35">
      <c r="A1937" s="3" t="s">
        <v>176</v>
      </c>
      <c r="B1937" s="3" t="s">
        <v>257</v>
      </c>
      <c r="C1937" s="284">
        <v>1</v>
      </c>
    </row>
    <row r="1938" spans="1:3" x14ac:dyDescent="0.35">
      <c r="A1938" s="3" t="s">
        <v>948</v>
      </c>
      <c r="B1938" s="3" t="s">
        <v>1483</v>
      </c>
      <c r="C1938" s="284">
        <v>1</v>
      </c>
    </row>
    <row r="1939" spans="1:3" x14ac:dyDescent="0.35">
      <c r="A1939" s="3" t="s">
        <v>2133</v>
      </c>
      <c r="B1939" s="3" t="s">
        <v>2265</v>
      </c>
      <c r="C1939" s="284">
        <v>1</v>
      </c>
    </row>
    <row r="1940" spans="1:3" x14ac:dyDescent="0.35">
      <c r="A1940" s="3" t="s">
        <v>176</v>
      </c>
      <c r="B1940" s="3" t="s">
        <v>258</v>
      </c>
      <c r="C1940" s="284">
        <v>1</v>
      </c>
    </row>
    <row r="1941" spans="1:3" x14ac:dyDescent="0.35">
      <c r="A1941" s="3" t="s">
        <v>2133</v>
      </c>
      <c r="B1941" s="3" t="s">
        <v>2264</v>
      </c>
      <c r="C1941" s="284">
        <v>1</v>
      </c>
    </row>
    <row r="1942" spans="1:3" x14ac:dyDescent="0.35">
      <c r="A1942" s="3" t="s">
        <v>2133</v>
      </c>
      <c r="B1942" s="3" t="s">
        <v>2266</v>
      </c>
      <c r="C1942" s="284">
        <v>1</v>
      </c>
    </row>
    <row r="1943" spans="1:3" x14ac:dyDescent="0.35">
      <c r="A1943" s="3" t="s">
        <v>2133</v>
      </c>
      <c r="B1943" s="3" t="s">
        <v>2267</v>
      </c>
      <c r="C1943" s="284">
        <v>1</v>
      </c>
    </row>
    <row r="1944" spans="1:3" x14ac:dyDescent="0.35">
      <c r="A1944" s="3" t="s">
        <v>1744</v>
      </c>
      <c r="B1944" s="3" t="s">
        <v>1774</v>
      </c>
      <c r="C1944" s="284">
        <v>1</v>
      </c>
    </row>
    <row r="1945" spans="1:3" x14ac:dyDescent="0.35">
      <c r="A1945" s="3" t="s">
        <v>948</v>
      </c>
      <c r="B1945" s="3" t="s">
        <v>1484</v>
      </c>
      <c r="C1945" s="284">
        <v>1</v>
      </c>
    </row>
    <row r="1946" spans="1:3" x14ac:dyDescent="0.35">
      <c r="A1946" s="3" t="s">
        <v>1734</v>
      </c>
      <c r="B1946" s="3" t="s">
        <v>1740</v>
      </c>
      <c r="C1946" s="284">
        <v>1</v>
      </c>
    </row>
    <row r="1947" spans="1:3" x14ac:dyDescent="0.35">
      <c r="A1947" s="3" t="s">
        <v>176</v>
      </c>
      <c r="B1947" s="3" t="s">
        <v>259</v>
      </c>
      <c r="C1947" s="284">
        <v>1</v>
      </c>
    </row>
    <row r="1948" spans="1:3" x14ac:dyDescent="0.35">
      <c r="A1948" s="3" t="s">
        <v>1515</v>
      </c>
      <c r="B1948" s="3" t="s">
        <v>1655</v>
      </c>
      <c r="C1948" s="284">
        <v>1</v>
      </c>
    </row>
    <row r="1949" spans="1:3" x14ac:dyDescent="0.35">
      <c r="A1949" s="3" t="s">
        <v>1812</v>
      </c>
      <c r="B1949" s="3" t="s">
        <v>1847</v>
      </c>
      <c r="C1949" s="284">
        <v>1</v>
      </c>
    </row>
    <row r="1950" spans="1:3" x14ac:dyDescent="0.35">
      <c r="A1950" s="3" t="s">
        <v>2133</v>
      </c>
      <c r="B1950" s="3" t="s">
        <v>2268</v>
      </c>
      <c r="C1950" s="284">
        <v>1</v>
      </c>
    </row>
    <row r="1951" spans="1:3" x14ac:dyDescent="0.35">
      <c r="A1951" s="3" t="s">
        <v>1945</v>
      </c>
      <c r="B1951" s="3" t="s">
        <v>1969</v>
      </c>
      <c r="C1951" s="284">
        <v>1</v>
      </c>
    </row>
    <row r="1952" spans="1:3" x14ac:dyDescent="0.35">
      <c r="A1952" s="3" t="s">
        <v>2029</v>
      </c>
      <c r="B1952" s="3" t="s">
        <v>2095</v>
      </c>
      <c r="C1952" s="284">
        <v>1</v>
      </c>
    </row>
    <row r="1953" spans="1:3" x14ac:dyDescent="0.35">
      <c r="A1953" s="3" t="s">
        <v>176</v>
      </c>
      <c r="B1953" s="3" t="s">
        <v>260</v>
      </c>
      <c r="C1953" s="284">
        <v>1</v>
      </c>
    </row>
    <row r="1954" spans="1:3" x14ac:dyDescent="0.35">
      <c r="A1954" s="3" t="s">
        <v>631</v>
      </c>
      <c r="B1954" s="3" t="s">
        <v>705</v>
      </c>
      <c r="C1954" s="284">
        <v>1</v>
      </c>
    </row>
    <row r="1955" spans="1:3" x14ac:dyDescent="0.35">
      <c r="A1955" s="3" t="s">
        <v>1880</v>
      </c>
      <c r="B1955" s="3" t="s">
        <v>1935</v>
      </c>
      <c r="C1955" s="284">
        <v>1</v>
      </c>
    </row>
    <row r="1956" spans="1:3" x14ac:dyDescent="0.35">
      <c r="A1956" s="3" t="s">
        <v>1880</v>
      </c>
      <c r="B1956" s="3" t="s">
        <v>1936</v>
      </c>
      <c r="C1956" s="284">
        <v>1</v>
      </c>
    </row>
    <row r="1957" spans="1:3" x14ac:dyDescent="0.35">
      <c r="A1957" s="3" t="s">
        <v>176</v>
      </c>
      <c r="B1957" s="3" t="s">
        <v>261</v>
      </c>
      <c r="C1957" s="284">
        <v>1</v>
      </c>
    </row>
    <row r="1958" spans="1:3" x14ac:dyDescent="0.35">
      <c r="A1958" s="3" t="s">
        <v>176</v>
      </c>
      <c r="B1958" s="3" t="s">
        <v>262</v>
      </c>
      <c r="C1958" s="284">
        <v>1</v>
      </c>
    </row>
    <row r="1959" spans="1:3" x14ac:dyDescent="0.35">
      <c r="A1959" s="3" t="s">
        <v>45</v>
      </c>
      <c r="B1959" s="3" t="s">
        <v>77</v>
      </c>
      <c r="C1959" s="284">
        <v>1</v>
      </c>
    </row>
    <row r="1960" spans="1:3" x14ac:dyDescent="0.35">
      <c r="A1960" s="3" t="s">
        <v>2029</v>
      </c>
      <c r="B1960" s="3" t="s">
        <v>2096</v>
      </c>
      <c r="C1960" s="284">
        <v>1</v>
      </c>
    </row>
    <row r="1961" spans="1:3" x14ac:dyDescent="0.35">
      <c r="A1961" s="3" t="s">
        <v>2029</v>
      </c>
      <c r="B1961" s="3" t="s">
        <v>2097</v>
      </c>
      <c r="C1961" s="284">
        <v>1</v>
      </c>
    </row>
    <row r="1962" spans="1:3" x14ac:dyDescent="0.35">
      <c r="A1962" s="3" t="s">
        <v>631</v>
      </c>
      <c r="B1962" s="3" t="s">
        <v>706</v>
      </c>
      <c r="C1962" s="284">
        <v>1</v>
      </c>
    </row>
    <row r="1963" spans="1:3" x14ac:dyDescent="0.35">
      <c r="A1963" s="3" t="s">
        <v>2029</v>
      </c>
      <c r="B1963" s="3" t="s">
        <v>2098</v>
      </c>
      <c r="C1963" s="284">
        <v>1</v>
      </c>
    </row>
    <row r="1964" spans="1:3" x14ac:dyDescent="0.35">
      <c r="A1964" s="3" t="s">
        <v>176</v>
      </c>
      <c r="B1964" s="3" t="s">
        <v>263</v>
      </c>
      <c r="C1964" s="284">
        <v>1</v>
      </c>
    </row>
    <row r="1965" spans="1:3" x14ac:dyDescent="0.35">
      <c r="A1965" s="3" t="s">
        <v>1812</v>
      </c>
      <c r="B1965" s="3" t="s">
        <v>1848</v>
      </c>
      <c r="C1965" s="284">
        <v>1</v>
      </c>
    </row>
    <row r="1966" spans="1:3" x14ac:dyDescent="0.35">
      <c r="A1966" s="3" t="s">
        <v>751</v>
      </c>
      <c r="B1966" s="3" t="s">
        <v>824</v>
      </c>
      <c r="C1966" s="284">
        <v>1</v>
      </c>
    </row>
    <row r="1967" spans="1:3" x14ac:dyDescent="0.35">
      <c r="A1967" s="3" t="s">
        <v>1812</v>
      </c>
      <c r="B1967" s="3" t="s">
        <v>1796</v>
      </c>
      <c r="C1967" s="284">
        <v>1</v>
      </c>
    </row>
    <row r="1968" spans="1:3" x14ac:dyDescent="0.35">
      <c r="A1968" s="3" t="s">
        <v>751</v>
      </c>
      <c r="B1968" s="3" t="s">
        <v>825</v>
      </c>
      <c r="C1968" s="284">
        <v>1</v>
      </c>
    </row>
    <row r="1969" spans="1:3" x14ac:dyDescent="0.35">
      <c r="A1969" s="3" t="s">
        <v>1796</v>
      </c>
      <c r="B1969" s="3" t="s">
        <v>1809</v>
      </c>
      <c r="C1969" s="284">
        <v>1</v>
      </c>
    </row>
    <row r="1970" spans="1:3" x14ac:dyDescent="0.35">
      <c r="A1970" s="3" t="s">
        <v>2029</v>
      </c>
      <c r="B1970" s="3" t="s">
        <v>2099</v>
      </c>
      <c r="C1970" s="284">
        <v>1</v>
      </c>
    </row>
    <row r="1971" spans="1:3" x14ac:dyDescent="0.35">
      <c r="A1971" s="3" t="s">
        <v>2029</v>
      </c>
      <c r="B1971" s="3" t="s">
        <v>2100</v>
      </c>
      <c r="C1971" s="284">
        <v>1</v>
      </c>
    </row>
    <row r="1972" spans="1:3" x14ac:dyDescent="0.35">
      <c r="A1972" s="3" t="s">
        <v>512</v>
      </c>
      <c r="B1972" s="3" t="s">
        <v>589</v>
      </c>
      <c r="C1972" s="284">
        <v>1</v>
      </c>
    </row>
    <row r="1973" spans="1:3" x14ac:dyDescent="0.35">
      <c r="A1973" s="3" t="s">
        <v>512</v>
      </c>
      <c r="B1973" s="3" t="s">
        <v>590</v>
      </c>
      <c r="C1973" s="284">
        <v>1</v>
      </c>
    </row>
    <row r="1974" spans="1:3" x14ac:dyDescent="0.35">
      <c r="A1974" s="3" t="s">
        <v>2133</v>
      </c>
      <c r="B1974" s="3" t="s">
        <v>2269</v>
      </c>
      <c r="C1974" s="284">
        <v>1</v>
      </c>
    </row>
    <row r="1975" spans="1:3" x14ac:dyDescent="0.35">
      <c r="A1975" s="3" t="s">
        <v>1744</v>
      </c>
      <c r="B1975" s="3" t="s">
        <v>1775</v>
      </c>
      <c r="C1975" s="284">
        <v>1</v>
      </c>
    </row>
    <row r="1976" spans="1:3" x14ac:dyDescent="0.35">
      <c r="A1976" s="3" t="s">
        <v>45</v>
      </c>
      <c r="B1976" s="3" t="s">
        <v>78</v>
      </c>
      <c r="C1976" s="284">
        <v>1</v>
      </c>
    </row>
    <row r="1977" spans="1:3" x14ac:dyDescent="0.35">
      <c r="A1977" s="3" t="s">
        <v>512</v>
      </c>
      <c r="B1977" s="3" t="s">
        <v>591</v>
      </c>
      <c r="C1977" s="284">
        <v>1</v>
      </c>
    </row>
    <row r="1978" spans="1:3" x14ac:dyDescent="0.35">
      <c r="A1978" s="3" t="s">
        <v>948</v>
      </c>
      <c r="B1978" s="3" t="s">
        <v>979</v>
      </c>
      <c r="C1978" s="284">
        <v>1</v>
      </c>
    </row>
    <row r="1979" spans="1:3" x14ac:dyDescent="0.35">
      <c r="A1979" s="3" t="s">
        <v>1744</v>
      </c>
      <c r="B1979" s="3" t="s">
        <v>1776</v>
      </c>
      <c r="C1979" s="284">
        <v>1</v>
      </c>
    </row>
    <row r="1980" spans="1:3" x14ac:dyDescent="0.35">
      <c r="A1980" s="3" t="s">
        <v>2133</v>
      </c>
      <c r="B1980" s="3" t="s">
        <v>2270</v>
      </c>
      <c r="C1980" s="284">
        <v>1</v>
      </c>
    </row>
    <row r="1981" spans="1:3" x14ac:dyDescent="0.35">
      <c r="A1981" s="3" t="s">
        <v>1744</v>
      </c>
      <c r="B1981" s="3" t="s">
        <v>1777</v>
      </c>
      <c r="C1981" s="284">
        <v>1</v>
      </c>
    </row>
    <row r="1982" spans="1:3" x14ac:dyDescent="0.35">
      <c r="A1982" s="3" t="s">
        <v>1744</v>
      </c>
      <c r="B1982" s="3" t="s">
        <v>1778</v>
      </c>
      <c r="C1982" s="284">
        <v>1</v>
      </c>
    </row>
    <row r="1983" spans="1:3" x14ac:dyDescent="0.35">
      <c r="A1983" s="3" t="s">
        <v>1945</v>
      </c>
      <c r="B1983" s="278" t="s">
        <v>1970</v>
      </c>
      <c r="C1983" s="284">
        <v>1.107</v>
      </c>
    </row>
    <row r="1984" spans="1:3" x14ac:dyDescent="0.35">
      <c r="A1984" s="3" t="s">
        <v>2133</v>
      </c>
      <c r="B1984" s="3" t="s">
        <v>2271</v>
      </c>
      <c r="C1984" s="284">
        <v>1</v>
      </c>
    </row>
    <row r="1985" spans="1:3" x14ac:dyDescent="0.35">
      <c r="A1985" s="3" t="s">
        <v>1744</v>
      </c>
      <c r="B1985" s="3" t="s">
        <v>1779</v>
      </c>
      <c r="C1985" s="284">
        <v>1</v>
      </c>
    </row>
    <row r="1986" spans="1:3" x14ac:dyDescent="0.35">
      <c r="A1986" s="3" t="s">
        <v>1744</v>
      </c>
      <c r="B1986" s="3" t="s">
        <v>1756</v>
      </c>
      <c r="C1986" s="284">
        <v>1</v>
      </c>
    </row>
    <row r="1987" spans="1:3" x14ac:dyDescent="0.35">
      <c r="A1987" s="3" t="s">
        <v>751</v>
      </c>
      <c r="B1987" s="3" t="s">
        <v>826</v>
      </c>
      <c r="C1987" s="284">
        <v>1</v>
      </c>
    </row>
    <row r="1988" spans="1:3" x14ac:dyDescent="0.35">
      <c r="A1988" s="3" t="s">
        <v>2133</v>
      </c>
      <c r="B1988" s="3" t="s">
        <v>2272</v>
      </c>
      <c r="C1988" s="284">
        <v>1</v>
      </c>
    </row>
    <row r="1989" spans="1:3" x14ac:dyDescent="0.35">
      <c r="A1989" s="3" t="s">
        <v>948</v>
      </c>
      <c r="B1989" s="3" t="s">
        <v>1486</v>
      </c>
      <c r="C1989" s="284">
        <v>1</v>
      </c>
    </row>
    <row r="1990" spans="1:3" x14ac:dyDescent="0.35">
      <c r="A1990" s="3" t="s">
        <v>751</v>
      </c>
      <c r="B1990" s="3" t="s">
        <v>827</v>
      </c>
      <c r="C1990" s="284">
        <v>1</v>
      </c>
    </row>
    <row r="1991" spans="1:3" x14ac:dyDescent="0.35">
      <c r="A1991" s="3" t="s">
        <v>751</v>
      </c>
      <c r="B1991" s="3" t="s">
        <v>828</v>
      </c>
      <c r="C1991" s="284">
        <v>1</v>
      </c>
    </row>
    <row r="1992" spans="1:3" x14ac:dyDescent="0.35">
      <c r="A1992" s="3" t="s">
        <v>751</v>
      </c>
      <c r="B1992" s="3" t="s">
        <v>829</v>
      </c>
      <c r="C1992" s="284">
        <v>1</v>
      </c>
    </row>
    <row r="1993" spans="1:3" x14ac:dyDescent="0.35">
      <c r="A1993" s="3" t="s">
        <v>948</v>
      </c>
      <c r="B1993" s="3" t="s">
        <v>1487</v>
      </c>
      <c r="C1993" s="284">
        <v>1</v>
      </c>
    </row>
    <row r="1994" spans="1:3" x14ac:dyDescent="0.35">
      <c r="A1994" s="3" t="s">
        <v>1744</v>
      </c>
      <c r="B1994" s="3" t="s">
        <v>1780</v>
      </c>
      <c r="C1994" s="284">
        <v>1</v>
      </c>
    </row>
    <row r="1995" spans="1:3" x14ac:dyDescent="0.35">
      <c r="A1995" s="3" t="s">
        <v>1744</v>
      </c>
      <c r="B1995" s="3" t="s">
        <v>1781</v>
      </c>
      <c r="C1995" s="284">
        <v>1</v>
      </c>
    </row>
    <row r="1996" spans="1:3" x14ac:dyDescent="0.35">
      <c r="A1996" s="3" t="s">
        <v>2133</v>
      </c>
      <c r="B1996" s="3" t="s">
        <v>2273</v>
      </c>
      <c r="C1996" s="284">
        <v>1</v>
      </c>
    </row>
    <row r="1997" spans="1:3" x14ac:dyDescent="0.35">
      <c r="A1997" s="3" t="s">
        <v>2133</v>
      </c>
      <c r="B1997" s="3" t="s">
        <v>2274</v>
      </c>
      <c r="C1997" s="284">
        <v>1</v>
      </c>
    </row>
    <row r="1998" spans="1:3" x14ac:dyDescent="0.35">
      <c r="A1998" s="3" t="s">
        <v>176</v>
      </c>
      <c r="B1998" s="278" t="s">
        <v>264</v>
      </c>
      <c r="C1998" s="284">
        <v>0.93500000000000005</v>
      </c>
    </row>
    <row r="1999" spans="1:3" x14ac:dyDescent="0.35">
      <c r="A1999" s="3" t="s">
        <v>176</v>
      </c>
      <c r="B1999" s="3" t="s">
        <v>265</v>
      </c>
      <c r="C1999" s="284">
        <v>1</v>
      </c>
    </row>
    <row r="2000" spans="1:3" x14ac:dyDescent="0.35">
      <c r="A2000" s="3" t="s">
        <v>512</v>
      </c>
      <c r="B2000" s="3" t="s">
        <v>592</v>
      </c>
      <c r="C2000" s="284">
        <v>1</v>
      </c>
    </row>
    <row r="2001" spans="1:3" x14ac:dyDescent="0.35">
      <c r="A2001" s="3" t="s">
        <v>176</v>
      </c>
      <c r="B2001" s="3" t="s">
        <v>266</v>
      </c>
      <c r="C2001" s="284">
        <v>1</v>
      </c>
    </row>
    <row r="2002" spans="1:3" x14ac:dyDescent="0.35">
      <c r="A2002" s="3" t="s">
        <v>133</v>
      </c>
      <c r="B2002" s="3" t="s">
        <v>167</v>
      </c>
      <c r="C2002" s="284">
        <v>1</v>
      </c>
    </row>
    <row r="2003" spans="1:3" x14ac:dyDescent="0.35">
      <c r="A2003" s="3" t="s">
        <v>751</v>
      </c>
      <c r="B2003" s="3" t="s">
        <v>830</v>
      </c>
      <c r="C2003" s="284">
        <v>1</v>
      </c>
    </row>
    <row r="2004" spans="1:3" x14ac:dyDescent="0.35">
      <c r="A2004" s="3" t="s">
        <v>751</v>
      </c>
      <c r="B2004" s="3" t="s">
        <v>831</v>
      </c>
      <c r="C2004" s="284">
        <v>1</v>
      </c>
    </row>
    <row r="2005" spans="1:3" x14ac:dyDescent="0.35">
      <c r="A2005" s="3" t="s">
        <v>133</v>
      </c>
      <c r="B2005" s="3" t="s">
        <v>168</v>
      </c>
      <c r="C2005" s="284">
        <v>1</v>
      </c>
    </row>
    <row r="2006" spans="1:3" x14ac:dyDescent="0.35">
      <c r="A2006" s="3" t="s">
        <v>54</v>
      </c>
      <c r="B2006" s="3" t="s">
        <v>486</v>
      </c>
      <c r="C2006" s="284">
        <v>1</v>
      </c>
    </row>
    <row r="2007" spans="1:3" x14ac:dyDescent="0.35">
      <c r="A2007" s="3" t="s">
        <v>2133</v>
      </c>
      <c r="B2007" s="3" t="s">
        <v>2319</v>
      </c>
      <c r="C2007" s="284">
        <v>1</v>
      </c>
    </row>
    <row r="2008" spans="1:3" x14ac:dyDescent="0.35">
      <c r="A2008" s="3" t="s">
        <v>948</v>
      </c>
      <c r="B2008" s="3" t="s">
        <v>1488</v>
      </c>
      <c r="C2008" s="284">
        <v>1</v>
      </c>
    </row>
    <row r="2009" spans="1:3" x14ac:dyDescent="0.35">
      <c r="A2009" s="3" t="s">
        <v>2133</v>
      </c>
      <c r="B2009" s="3" t="s">
        <v>2275</v>
      </c>
      <c r="C2009" s="284">
        <v>1</v>
      </c>
    </row>
    <row r="2010" spans="1:3" x14ac:dyDescent="0.35">
      <c r="A2010" s="3" t="s">
        <v>95</v>
      </c>
      <c r="B2010" s="278" t="s">
        <v>402</v>
      </c>
      <c r="C2010" s="284">
        <v>0.85099999999999998</v>
      </c>
    </row>
    <row r="2011" spans="1:3" x14ac:dyDescent="0.35">
      <c r="A2011" s="3" t="s">
        <v>2029</v>
      </c>
      <c r="B2011" s="3" t="s">
        <v>2101</v>
      </c>
      <c r="C2011" s="284">
        <v>1</v>
      </c>
    </row>
    <row r="2012" spans="1:3" x14ac:dyDescent="0.35">
      <c r="A2012" s="3" t="s">
        <v>1796</v>
      </c>
      <c r="B2012" s="278" t="s">
        <v>1810</v>
      </c>
      <c r="C2012" s="284">
        <v>0.86099999999999999</v>
      </c>
    </row>
    <row r="2013" spans="1:3" x14ac:dyDescent="0.35">
      <c r="A2013" s="3" t="s">
        <v>1515</v>
      </c>
      <c r="B2013" s="3" t="s">
        <v>1656</v>
      </c>
      <c r="C2013" s="284">
        <v>1</v>
      </c>
    </row>
    <row r="2014" spans="1:3" x14ac:dyDescent="0.35">
      <c r="A2014" s="3" t="s">
        <v>512</v>
      </c>
      <c r="B2014" s="3" t="s">
        <v>593</v>
      </c>
      <c r="C2014" s="284">
        <v>1</v>
      </c>
    </row>
    <row r="2015" spans="1:3" x14ac:dyDescent="0.35">
      <c r="A2015" s="3" t="s">
        <v>631</v>
      </c>
      <c r="B2015" s="3" t="s">
        <v>707</v>
      </c>
      <c r="C2015" s="284">
        <v>1</v>
      </c>
    </row>
    <row r="2016" spans="1:3" x14ac:dyDescent="0.35">
      <c r="A2016" s="3" t="s">
        <v>1515</v>
      </c>
      <c r="B2016" s="3" t="s">
        <v>1657</v>
      </c>
      <c r="C2016" s="284">
        <v>1</v>
      </c>
    </row>
    <row r="2017" spans="1:3" x14ac:dyDescent="0.35">
      <c r="A2017" s="3" t="s">
        <v>13</v>
      </c>
      <c r="B2017" s="278" t="s">
        <v>16</v>
      </c>
      <c r="C2017" s="284">
        <v>1.024</v>
      </c>
    </row>
    <row r="2018" spans="1:3" x14ac:dyDescent="0.35">
      <c r="A2018" s="3" t="s">
        <v>512</v>
      </c>
      <c r="B2018" s="3" t="s">
        <v>595</v>
      </c>
      <c r="C2018" s="284">
        <v>1</v>
      </c>
    </row>
    <row r="2019" spans="1:3" x14ac:dyDescent="0.35">
      <c r="A2019" s="3" t="s">
        <v>95</v>
      </c>
      <c r="B2019" s="3" t="s">
        <v>403</v>
      </c>
      <c r="C2019" s="284">
        <v>1</v>
      </c>
    </row>
    <row r="2020" spans="1:3" x14ac:dyDescent="0.35">
      <c r="A2020" s="3" t="s">
        <v>2029</v>
      </c>
      <c r="B2020" s="3" t="s">
        <v>2102</v>
      </c>
      <c r="C2020" s="284">
        <v>1</v>
      </c>
    </row>
    <row r="2021" spans="1:3" x14ac:dyDescent="0.35">
      <c r="A2021" s="3" t="s">
        <v>512</v>
      </c>
      <c r="B2021" s="3" t="s">
        <v>594</v>
      </c>
      <c r="C2021" s="284">
        <v>1</v>
      </c>
    </row>
    <row r="2022" spans="1:3" x14ac:dyDescent="0.35">
      <c r="A2022" s="3" t="s">
        <v>2133</v>
      </c>
      <c r="B2022" s="3" t="s">
        <v>2277</v>
      </c>
      <c r="C2022" s="284">
        <v>1</v>
      </c>
    </row>
    <row r="2023" spans="1:3" x14ac:dyDescent="0.35">
      <c r="A2023" s="3" t="s">
        <v>36</v>
      </c>
      <c r="B2023" s="278" t="s">
        <v>44</v>
      </c>
      <c r="C2023" s="284">
        <v>0.89700000000000002</v>
      </c>
    </row>
    <row r="2024" spans="1:3" x14ac:dyDescent="0.35">
      <c r="A2024" s="3" t="s">
        <v>1515</v>
      </c>
      <c r="B2024" s="3" t="s">
        <v>1658</v>
      </c>
      <c r="C2024" s="284">
        <v>1</v>
      </c>
    </row>
    <row r="2025" spans="1:3" x14ac:dyDescent="0.35">
      <c r="A2025" s="3" t="s">
        <v>54</v>
      </c>
      <c r="B2025" s="3" t="s">
        <v>487</v>
      </c>
      <c r="C2025" s="284">
        <v>1</v>
      </c>
    </row>
    <row r="2026" spans="1:3" x14ac:dyDescent="0.35">
      <c r="A2026" s="3" t="s">
        <v>95</v>
      </c>
      <c r="B2026" s="3" t="s">
        <v>404</v>
      </c>
      <c r="C2026" s="284">
        <v>1</v>
      </c>
    </row>
    <row r="2027" spans="1:3" x14ac:dyDescent="0.35">
      <c r="A2027" s="3" t="s">
        <v>176</v>
      </c>
      <c r="B2027" s="3" t="s">
        <v>267</v>
      </c>
      <c r="C2027" s="284">
        <v>1</v>
      </c>
    </row>
    <row r="2028" spans="1:3" x14ac:dyDescent="0.35">
      <c r="A2028" s="3" t="s">
        <v>885</v>
      </c>
      <c r="B2028" s="3" t="s">
        <v>900</v>
      </c>
      <c r="C2028" s="284">
        <v>1</v>
      </c>
    </row>
    <row r="2029" spans="1:3" x14ac:dyDescent="0.35">
      <c r="A2029" s="3" t="s">
        <v>1515</v>
      </c>
      <c r="B2029" s="278" t="s">
        <v>1659</v>
      </c>
      <c r="C2029" s="284">
        <v>0.83499999999999996</v>
      </c>
    </row>
    <row r="2030" spans="1:3" x14ac:dyDescent="0.35">
      <c r="A2030" s="3" t="s">
        <v>2133</v>
      </c>
      <c r="B2030" s="3" t="s">
        <v>2278</v>
      </c>
      <c r="C2030" s="284">
        <v>1</v>
      </c>
    </row>
    <row r="2031" spans="1:3" x14ac:dyDescent="0.35">
      <c r="A2031" s="3" t="s">
        <v>1515</v>
      </c>
      <c r="B2031" s="3" t="s">
        <v>1660</v>
      </c>
      <c r="C2031" s="284">
        <v>1</v>
      </c>
    </row>
    <row r="2032" spans="1:3" x14ac:dyDescent="0.35">
      <c r="A2032" s="3" t="s">
        <v>631</v>
      </c>
      <c r="B2032" s="3" t="s">
        <v>708</v>
      </c>
      <c r="C2032" s="284">
        <v>1</v>
      </c>
    </row>
    <row r="2033" spans="1:3" x14ac:dyDescent="0.35">
      <c r="A2033" s="3" t="s">
        <v>2029</v>
      </c>
      <c r="B2033" s="3" t="s">
        <v>2103</v>
      </c>
      <c r="C2033" s="284">
        <v>1</v>
      </c>
    </row>
    <row r="2034" spans="1:3" x14ac:dyDescent="0.35">
      <c r="A2034" s="3" t="s">
        <v>2029</v>
      </c>
      <c r="B2034" s="3" t="s">
        <v>2104</v>
      </c>
      <c r="C2034" s="284">
        <v>1</v>
      </c>
    </row>
    <row r="2035" spans="1:3" x14ac:dyDescent="0.35">
      <c r="A2035" s="3" t="s">
        <v>2029</v>
      </c>
      <c r="B2035" s="3" t="s">
        <v>2105</v>
      </c>
      <c r="C2035" s="284">
        <v>1</v>
      </c>
    </row>
    <row r="2036" spans="1:3" x14ac:dyDescent="0.35">
      <c r="A2036" s="3" t="s">
        <v>2029</v>
      </c>
      <c r="B2036" s="3" t="s">
        <v>2106</v>
      </c>
      <c r="C2036" s="284">
        <v>1</v>
      </c>
    </row>
    <row r="2037" spans="1:3" x14ac:dyDescent="0.35">
      <c r="A2037" s="3" t="s">
        <v>2029</v>
      </c>
      <c r="B2037" s="3" t="s">
        <v>2107</v>
      </c>
      <c r="C2037" s="284">
        <v>1</v>
      </c>
    </row>
    <row r="2038" spans="1:3" x14ac:dyDescent="0.35">
      <c r="A2038" s="3" t="s">
        <v>2029</v>
      </c>
      <c r="B2038" s="3" t="s">
        <v>2108</v>
      </c>
      <c r="C2038" s="284">
        <v>1</v>
      </c>
    </row>
    <row r="2039" spans="1:3" x14ac:dyDescent="0.35">
      <c r="A2039" s="3" t="s">
        <v>2029</v>
      </c>
      <c r="B2039" s="3" t="s">
        <v>2109</v>
      </c>
      <c r="C2039" s="284">
        <v>1</v>
      </c>
    </row>
    <row r="2040" spans="1:3" x14ac:dyDescent="0.35">
      <c r="A2040" s="3" t="s">
        <v>95</v>
      </c>
      <c r="B2040" s="3" t="s">
        <v>405</v>
      </c>
      <c r="C2040" s="284">
        <v>1</v>
      </c>
    </row>
    <row r="2041" spans="1:3" x14ac:dyDescent="0.35">
      <c r="A2041" s="3" t="s">
        <v>631</v>
      </c>
      <c r="B2041" s="3" t="s">
        <v>709</v>
      </c>
      <c r="C2041" s="284">
        <v>1</v>
      </c>
    </row>
    <row r="2042" spans="1:3" x14ac:dyDescent="0.35">
      <c r="A2042" s="3" t="s">
        <v>631</v>
      </c>
      <c r="B2042" s="3" t="s">
        <v>710</v>
      </c>
      <c r="C2042" s="284">
        <v>1</v>
      </c>
    </row>
    <row r="2043" spans="1:3" x14ac:dyDescent="0.35">
      <c r="A2043" s="3" t="s">
        <v>631</v>
      </c>
      <c r="B2043" s="3" t="s">
        <v>711</v>
      </c>
      <c r="C2043" s="284">
        <v>1</v>
      </c>
    </row>
    <row r="2044" spans="1:3" x14ac:dyDescent="0.35">
      <c r="A2044" s="3" t="s">
        <v>631</v>
      </c>
      <c r="B2044" s="3" t="s">
        <v>712</v>
      </c>
      <c r="C2044" s="284">
        <v>1</v>
      </c>
    </row>
    <row r="2045" spans="1:3" x14ac:dyDescent="0.35">
      <c r="A2045" s="3" t="s">
        <v>2029</v>
      </c>
      <c r="B2045" s="3" t="s">
        <v>2110</v>
      </c>
      <c r="C2045" s="284">
        <v>1</v>
      </c>
    </row>
    <row r="2046" spans="1:3" x14ac:dyDescent="0.35">
      <c r="A2046" s="3" t="s">
        <v>101</v>
      </c>
      <c r="B2046" s="3" t="s">
        <v>870</v>
      </c>
      <c r="C2046" s="284">
        <v>1</v>
      </c>
    </row>
    <row r="2047" spans="1:3" x14ac:dyDescent="0.35">
      <c r="A2047" s="3" t="s">
        <v>101</v>
      </c>
      <c r="B2047" s="3" t="s">
        <v>884</v>
      </c>
      <c r="C2047" s="284">
        <v>1</v>
      </c>
    </row>
    <row r="2048" spans="1:3" x14ac:dyDescent="0.35">
      <c r="A2048" s="3" t="s">
        <v>631</v>
      </c>
      <c r="B2048" s="3" t="s">
        <v>713</v>
      </c>
      <c r="C2048" s="284">
        <v>1</v>
      </c>
    </row>
    <row r="2049" spans="1:3" x14ac:dyDescent="0.35">
      <c r="A2049" s="3" t="s">
        <v>293</v>
      </c>
      <c r="B2049" s="3" t="s">
        <v>346</v>
      </c>
      <c r="C2049" s="284">
        <v>1</v>
      </c>
    </row>
    <row r="2050" spans="1:3" x14ac:dyDescent="0.35">
      <c r="A2050" s="3" t="s">
        <v>2029</v>
      </c>
      <c r="B2050" s="3" t="s">
        <v>2111</v>
      </c>
      <c r="C2050" s="284">
        <v>1</v>
      </c>
    </row>
    <row r="2051" spans="1:3" x14ac:dyDescent="0.35">
      <c r="A2051" s="3" t="s">
        <v>2133</v>
      </c>
      <c r="B2051" s="3" t="s">
        <v>2279</v>
      </c>
      <c r="C2051" s="284">
        <v>1</v>
      </c>
    </row>
    <row r="2052" spans="1:3" x14ac:dyDescent="0.35">
      <c r="A2052" s="3" t="s">
        <v>25</v>
      </c>
      <c r="B2052" s="3" t="s">
        <v>32</v>
      </c>
      <c r="C2052" s="284">
        <v>1</v>
      </c>
    </row>
    <row r="2053" spans="1:3" x14ac:dyDescent="0.35">
      <c r="A2053" s="3" t="s">
        <v>512</v>
      </c>
      <c r="B2053" s="3" t="s">
        <v>596</v>
      </c>
      <c r="C2053" s="284">
        <v>1</v>
      </c>
    </row>
    <row r="2054" spans="1:3" x14ac:dyDescent="0.35">
      <c r="A2054" s="3" t="s">
        <v>2133</v>
      </c>
      <c r="B2054" s="3" t="s">
        <v>2280</v>
      </c>
      <c r="C2054" s="284">
        <v>1</v>
      </c>
    </row>
    <row r="2055" spans="1:3" x14ac:dyDescent="0.35">
      <c r="A2055" s="3" t="s">
        <v>1515</v>
      </c>
      <c r="B2055" s="3" t="s">
        <v>1661</v>
      </c>
      <c r="C2055" s="284">
        <v>1</v>
      </c>
    </row>
    <row r="2056" spans="1:3" x14ac:dyDescent="0.35">
      <c r="A2056" s="3" t="s">
        <v>631</v>
      </c>
      <c r="B2056" s="3" t="s">
        <v>714</v>
      </c>
      <c r="C2056" s="284">
        <v>1</v>
      </c>
    </row>
    <row r="2057" spans="1:3" x14ac:dyDescent="0.35">
      <c r="A2057" s="3" t="s">
        <v>1974</v>
      </c>
      <c r="B2057" s="3" t="s">
        <v>714</v>
      </c>
      <c r="C2057" s="284">
        <v>1</v>
      </c>
    </row>
    <row r="2058" spans="1:3" x14ac:dyDescent="0.35">
      <c r="A2058" s="3" t="s">
        <v>54</v>
      </c>
      <c r="B2058" s="3" t="s">
        <v>488</v>
      </c>
      <c r="C2058" s="284">
        <v>1</v>
      </c>
    </row>
    <row r="2059" spans="1:3" x14ac:dyDescent="0.35">
      <c r="A2059" s="3" t="s">
        <v>631</v>
      </c>
      <c r="B2059" s="3" t="s">
        <v>715</v>
      </c>
      <c r="C2059" s="284">
        <v>1</v>
      </c>
    </row>
    <row r="2060" spans="1:3" x14ac:dyDescent="0.35">
      <c r="A2060" s="3" t="s">
        <v>631</v>
      </c>
      <c r="B2060" s="3" t="s">
        <v>716</v>
      </c>
      <c r="C2060" s="284">
        <v>1</v>
      </c>
    </row>
    <row r="2061" spans="1:3" x14ac:dyDescent="0.35">
      <c r="A2061" s="3" t="s">
        <v>176</v>
      </c>
      <c r="B2061" s="3" t="s">
        <v>268</v>
      </c>
      <c r="C2061" s="284">
        <v>1</v>
      </c>
    </row>
    <row r="2062" spans="1:3" x14ac:dyDescent="0.35">
      <c r="A2062" s="3" t="s">
        <v>2133</v>
      </c>
      <c r="B2062" s="3" t="s">
        <v>2281</v>
      </c>
      <c r="C2062" s="284">
        <v>1</v>
      </c>
    </row>
    <row r="2063" spans="1:3" x14ac:dyDescent="0.35">
      <c r="A2063" s="3" t="s">
        <v>1796</v>
      </c>
      <c r="B2063" s="3" t="s">
        <v>1811</v>
      </c>
      <c r="C2063" s="284">
        <v>1</v>
      </c>
    </row>
    <row r="2064" spans="1:3" x14ac:dyDescent="0.35">
      <c r="A2064" s="3" t="s">
        <v>512</v>
      </c>
      <c r="B2064" s="3" t="s">
        <v>597</v>
      </c>
      <c r="C2064" s="284">
        <v>1</v>
      </c>
    </row>
    <row r="2065" spans="1:3" x14ac:dyDescent="0.35">
      <c r="A2065" s="3" t="s">
        <v>2133</v>
      </c>
      <c r="B2065" s="3" t="s">
        <v>2282</v>
      </c>
      <c r="C2065" s="284">
        <v>1</v>
      </c>
    </row>
    <row r="2066" spans="1:3" x14ac:dyDescent="0.35">
      <c r="A2066" s="3" t="s">
        <v>948</v>
      </c>
      <c r="B2066" s="3" t="s">
        <v>1489</v>
      </c>
      <c r="C2066" s="284">
        <v>1</v>
      </c>
    </row>
    <row r="2067" spans="1:3" x14ac:dyDescent="0.35">
      <c r="A2067" s="3" t="s">
        <v>512</v>
      </c>
      <c r="B2067" s="3" t="s">
        <v>598</v>
      </c>
      <c r="C2067" s="284">
        <v>1</v>
      </c>
    </row>
    <row r="2068" spans="1:3" x14ac:dyDescent="0.35">
      <c r="A2068" s="3" t="s">
        <v>1974</v>
      </c>
      <c r="B2068" s="3" t="s">
        <v>2001</v>
      </c>
      <c r="C2068" s="284">
        <v>1</v>
      </c>
    </row>
    <row r="2069" spans="1:3" x14ac:dyDescent="0.35">
      <c r="A2069" s="3" t="s">
        <v>631</v>
      </c>
      <c r="B2069" s="3" t="s">
        <v>717</v>
      </c>
      <c r="C2069" s="284">
        <v>1</v>
      </c>
    </row>
    <row r="2070" spans="1:3" x14ac:dyDescent="0.35">
      <c r="A2070" s="3" t="s">
        <v>1515</v>
      </c>
      <c r="B2070" s="3" t="s">
        <v>1662</v>
      </c>
      <c r="C2070" s="284">
        <v>1</v>
      </c>
    </row>
    <row r="2071" spans="1:3" x14ac:dyDescent="0.35">
      <c r="A2071" s="3" t="s">
        <v>176</v>
      </c>
      <c r="B2071" s="3" t="s">
        <v>269</v>
      </c>
      <c r="C2071" s="284">
        <v>1</v>
      </c>
    </row>
    <row r="2072" spans="1:3" x14ac:dyDescent="0.35">
      <c r="A2072" s="3" t="s">
        <v>631</v>
      </c>
      <c r="B2072" s="3" t="s">
        <v>718</v>
      </c>
      <c r="C2072" s="284">
        <v>1</v>
      </c>
    </row>
    <row r="2073" spans="1:3" x14ac:dyDescent="0.35">
      <c r="A2073" s="3" t="s">
        <v>948</v>
      </c>
      <c r="B2073" s="3" t="s">
        <v>1490</v>
      </c>
      <c r="C2073" s="284">
        <v>1</v>
      </c>
    </row>
    <row r="2074" spans="1:3" x14ac:dyDescent="0.35">
      <c r="A2074" s="3" t="s">
        <v>948</v>
      </c>
      <c r="B2074" s="3" t="s">
        <v>1491</v>
      </c>
      <c r="C2074" s="284">
        <v>1</v>
      </c>
    </row>
    <row r="2075" spans="1:3" x14ac:dyDescent="0.35">
      <c r="A2075" s="3" t="s">
        <v>1515</v>
      </c>
      <c r="B2075" s="3" t="s">
        <v>1663</v>
      </c>
      <c r="C2075" s="284">
        <v>1</v>
      </c>
    </row>
    <row r="2076" spans="1:3" x14ac:dyDescent="0.35">
      <c r="A2076" s="3" t="s">
        <v>948</v>
      </c>
      <c r="B2076" s="3" t="s">
        <v>1492</v>
      </c>
      <c r="C2076" s="284">
        <v>1</v>
      </c>
    </row>
    <row r="2077" spans="1:3" x14ac:dyDescent="0.35">
      <c r="A2077" s="3" t="s">
        <v>1880</v>
      </c>
      <c r="B2077" s="3" t="s">
        <v>1937</v>
      </c>
      <c r="C2077" s="284">
        <v>1</v>
      </c>
    </row>
    <row r="2078" spans="1:3" x14ac:dyDescent="0.35">
      <c r="A2078" s="3" t="s">
        <v>2029</v>
      </c>
      <c r="B2078" s="3" t="s">
        <v>2112</v>
      </c>
      <c r="C2078" s="284">
        <v>1</v>
      </c>
    </row>
    <row r="2079" spans="1:3" x14ac:dyDescent="0.35">
      <c r="A2079" s="3" t="s">
        <v>751</v>
      </c>
      <c r="B2079" s="3" t="s">
        <v>832</v>
      </c>
      <c r="C2079" s="284">
        <v>1</v>
      </c>
    </row>
    <row r="2080" spans="1:3" x14ac:dyDescent="0.35">
      <c r="A2080" s="3" t="s">
        <v>101</v>
      </c>
      <c r="B2080" s="3" t="s">
        <v>871</v>
      </c>
      <c r="C2080" s="284">
        <v>1</v>
      </c>
    </row>
    <row r="2081" spans="1:3" x14ac:dyDescent="0.35">
      <c r="A2081" s="3" t="s">
        <v>1515</v>
      </c>
      <c r="B2081" s="3" t="s">
        <v>1664</v>
      </c>
      <c r="C2081" s="284">
        <v>1</v>
      </c>
    </row>
    <row r="2082" spans="1:3" x14ac:dyDescent="0.35">
      <c r="A2082" s="3" t="s">
        <v>1515</v>
      </c>
      <c r="B2082" s="3" t="s">
        <v>1665</v>
      </c>
      <c r="C2082" s="284">
        <v>1</v>
      </c>
    </row>
    <row r="2083" spans="1:3" x14ac:dyDescent="0.35">
      <c r="A2083" s="3" t="s">
        <v>512</v>
      </c>
      <c r="B2083" s="278" t="s">
        <v>599</v>
      </c>
      <c r="C2083" s="284">
        <v>0.96</v>
      </c>
    </row>
    <row r="2084" spans="1:3" x14ac:dyDescent="0.35">
      <c r="A2084" s="3" t="s">
        <v>2133</v>
      </c>
      <c r="B2084" s="3" t="s">
        <v>2283</v>
      </c>
      <c r="C2084" s="284">
        <v>1</v>
      </c>
    </row>
    <row r="2085" spans="1:3" x14ac:dyDescent="0.35">
      <c r="A2085" s="3" t="s">
        <v>1515</v>
      </c>
      <c r="B2085" s="3" t="s">
        <v>1666</v>
      </c>
      <c r="C2085" s="284">
        <v>1</v>
      </c>
    </row>
    <row r="2086" spans="1:3" x14ac:dyDescent="0.35">
      <c r="A2086" s="3" t="s">
        <v>1515</v>
      </c>
      <c r="B2086" s="3" t="s">
        <v>1667</v>
      </c>
      <c r="C2086" s="284">
        <v>1</v>
      </c>
    </row>
    <row r="2087" spans="1:3" x14ac:dyDescent="0.35">
      <c r="A2087" s="3" t="s">
        <v>54</v>
      </c>
      <c r="B2087" s="3" t="s">
        <v>489</v>
      </c>
      <c r="C2087" s="284">
        <v>1</v>
      </c>
    </row>
    <row r="2088" spans="1:3" x14ac:dyDescent="0.35">
      <c r="A2088" s="3" t="s">
        <v>1812</v>
      </c>
      <c r="B2088" s="3" t="s">
        <v>1849</v>
      </c>
      <c r="C2088" s="284">
        <v>1</v>
      </c>
    </row>
    <row r="2089" spans="1:3" x14ac:dyDescent="0.35">
      <c r="A2089" s="3" t="s">
        <v>95</v>
      </c>
      <c r="B2089" s="3" t="s">
        <v>406</v>
      </c>
      <c r="C2089" s="284">
        <v>1</v>
      </c>
    </row>
    <row r="2090" spans="1:3" x14ac:dyDescent="0.35">
      <c r="A2090" s="3" t="s">
        <v>54</v>
      </c>
      <c r="B2090" s="3" t="s">
        <v>490</v>
      </c>
      <c r="C2090" s="284">
        <v>1</v>
      </c>
    </row>
    <row r="2091" spans="1:3" x14ac:dyDescent="0.35">
      <c r="A2091" s="3" t="s">
        <v>45</v>
      </c>
      <c r="B2091" s="3" t="s">
        <v>79</v>
      </c>
      <c r="C2091" s="284">
        <v>1</v>
      </c>
    </row>
    <row r="2092" spans="1:3" x14ac:dyDescent="0.35">
      <c r="A2092" s="3" t="s">
        <v>54</v>
      </c>
      <c r="B2092" s="278" t="s">
        <v>491</v>
      </c>
      <c r="C2092" s="284">
        <v>0.93</v>
      </c>
    </row>
    <row r="2093" spans="1:3" x14ac:dyDescent="0.35">
      <c r="A2093" s="3" t="s">
        <v>948</v>
      </c>
      <c r="B2093" s="3" t="s">
        <v>1493</v>
      </c>
      <c r="C2093" s="284">
        <v>1</v>
      </c>
    </row>
    <row r="2094" spans="1:3" x14ac:dyDescent="0.35">
      <c r="A2094" s="3" t="s">
        <v>1515</v>
      </c>
      <c r="B2094" s="3" t="s">
        <v>1668</v>
      </c>
      <c r="C2094" s="284">
        <v>1</v>
      </c>
    </row>
    <row r="2095" spans="1:3" x14ac:dyDescent="0.35">
      <c r="A2095" s="3" t="s">
        <v>1515</v>
      </c>
      <c r="B2095" s="3" t="s">
        <v>1669</v>
      </c>
      <c r="C2095" s="284">
        <v>1</v>
      </c>
    </row>
    <row r="2096" spans="1:3" x14ac:dyDescent="0.35">
      <c r="A2096" s="3" t="s">
        <v>1974</v>
      </c>
      <c r="B2096" s="3" t="s">
        <v>1993</v>
      </c>
      <c r="C2096" s="284">
        <v>1</v>
      </c>
    </row>
    <row r="2097" spans="1:3" x14ac:dyDescent="0.35">
      <c r="A2097" s="3" t="s">
        <v>54</v>
      </c>
      <c r="B2097" s="3" t="s">
        <v>492</v>
      </c>
      <c r="C2097" s="284">
        <v>1</v>
      </c>
    </row>
    <row r="2098" spans="1:3" x14ac:dyDescent="0.35">
      <c r="A2098" s="3" t="s">
        <v>2133</v>
      </c>
      <c r="B2098" s="3" t="s">
        <v>2284</v>
      </c>
      <c r="C2098" s="284">
        <v>1</v>
      </c>
    </row>
    <row r="2099" spans="1:3" x14ac:dyDescent="0.35">
      <c r="A2099" s="3" t="s">
        <v>631</v>
      </c>
      <c r="B2099" s="3" t="s">
        <v>719</v>
      </c>
      <c r="C2099" s="284">
        <v>1</v>
      </c>
    </row>
    <row r="2100" spans="1:3" x14ac:dyDescent="0.35">
      <c r="A2100" s="3" t="s">
        <v>631</v>
      </c>
      <c r="B2100" s="3" t="s">
        <v>720</v>
      </c>
      <c r="C2100" s="284">
        <v>1</v>
      </c>
    </row>
    <row r="2101" spans="1:3" x14ac:dyDescent="0.35">
      <c r="A2101" s="3" t="s">
        <v>1812</v>
      </c>
      <c r="B2101" s="3" t="s">
        <v>1850</v>
      </c>
      <c r="C2101" s="284">
        <v>1</v>
      </c>
    </row>
    <row r="2102" spans="1:3" x14ac:dyDescent="0.35">
      <c r="A2102" s="3" t="s">
        <v>1515</v>
      </c>
      <c r="B2102" s="3" t="s">
        <v>1670</v>
      </c>
      <c r="C2102" s="284">
        <v>1</v>
      </c>
    </row>
    <row r="2103" spans="1:3" x14ac:dyDescent="0.35">
      <c r="A2103" s="3" t="s">
        <v>2133</v>
      </c>
      <c r="B2103" s="3" t="s">
        <v>1670</v>
      </c>
      <c r="C2103" s="284">
        <v>1</v>
      </c>
    </row>
    <row r="2104" spans="1:3" x14ac:dyDescent="0.35">
      <c r="A2104" s="3" t="s">
        <v>1515</v>
      </c>
      <c r="B2104" s="3" t="s">
        <v>1671</v>
      </c>
      <c r="C2104" s="284">
        <v>1</v>
      </c>
    </row>
    <row r="2105" spans="1:3" x14ac:dyDescent="0.35">
      <c r="A2105" s="3" t="s">
        <v>1515</v>
      </c>
      <c r="B2105" s="3" t="s">
        <v>1672</v>
      </c>
      <c r="C2105" s="284">
        <v>1</v>
      </c>
    </row>
    <row r="2106" spans="1:3" x14ac:dyDescent="0.35">
      <c r="A2106" s="3" t="s">
        <v>1515</v>
      </c>
      <c r="B2106" s="3" t="s">
        <v>1673</v>
      </c>
      <c r="C2106" s="284">
        <v>1</v>
      </c>
    </row>
    <row r="2107" spans="1:3" x14ac:dyDescent="0.35">
      <c r="A2107" s="3" t="s">
        <v>1515</v>
      </c>
      <c r="B2107" s="3" t="s">
        <v>1674</v>
      </c>
      <c r="C2107" s="284">
        <v>1</v>
      </c>
    </row>
    <row r="2108" spans="1:3" x14ac:dyDescent="0.35">
      <c r="A2108" s="3" t="s">
        <v>1974</v>
      </c>
      <c r="B2108" s="3" t="s">
        <v>2002</v>
      </c>
      <c r="C2108" s="284">
        <v>1</v>
      </c>
    </row>
    <row r="2109" spans="1:3" x14ac:dyDescent="0.35">
      <c r="A2109" s="3" t="s">
        <v>2</v>
      </c>
      <c r="B2109" s="3" t="s">
        <v>10</v>
      </c>
      <c r="C2109" s="284">
        <v>1</v>
      </c>
    </row>
    <row r="2110" spans="1:3" x14ac:dyDescent="0.35">
      <c r="A2110" s="3" t="s">
        <v>885</v>
      </c>
      <c r="B2110" s="278" t="s">
        <v>901</v>
      </c>
      <c r="C2110" s="284">
        <v>0.86099999999999999</v>
      </c>
    </row>
    <row r="2111" spans="1:3" x14ac:dyDescent="0.35">
      <c r="A2111" s="3" t="s">
        <v>631</v>
      </c>
      <c r="B2111" s="278" t="s">
        <v>721</v>
      </c>
      <c r="C2111" s="284">
        <v>0.88500000000000001</v>
      </c>
    </row>
    <row r="2112" spans="1:3" x14ac:dyDescent="0.35">
      <c r="A2112" s="3" t="s">
        <v>101</v>
      </c>
      <c r="B2112" s="3" t="s">
        <v>872</v>
      </c>
      <c r="C2112" s="284">
        <v>1</v>
      </c>
    </row>
    <row r="2113" spans="1:3" x14ac:dyDescent="0.35">
      <c r="A2113" s="3" t="s">
        <v>512</v>
      </c>
      <c r="B2113" s="3" t="s">
        <v>600</v>
      </c>
      <c r="C2113" s="284">
        <v>1</v>
      </c>
    </row>
    <row r="2114" spans="1:3" x14ac:dyDescent="0.35">
      <c r="A2114" s="3" t="s">
        <v>2133</v>
      </c>
      <c r="B2114" s="3" t="s">
        <v>600</v>
      </c>
      <c r="C2114" s="284">
        <v>1</v>
      </c>
    </row>
    <row r="2115" spans="1:3" x14ac:dyDescent="0.35">
      <c r="A2115" s="3" t="s">
        <v>1718</v>
      </c>
      <c r="B2115" s="3" t="s">
        <v>1733</v>
      </c>
      <c r="C2115" s="284">
        <v>1</v>
      </c>
    </row>
    <row r="2116" spans="1:3" x14ac:dyDescent="0.35">
      <c r="A2116" s="3" t="s">
        <v>631</v>
      </c>
      <c r="B2116" s="3" t="s">
        <v>722</v>
      </c>
      <c r="C2116" s="284">
        <v>1</v>
      </c>
    </row>
    <row r="2117" spans="1:3" x14ac:dyDescent="0.35">
      <c r="A2117" s="3" t="s">
        <v>1974</v>
      </c>
      <c r="B2117" s="3" t="s">
        <v>2003</v>
      </c>
      <c r="C2117" s="284">
        <v>1</v>
      </c>
    </row>
    <row r="2118" spans="1:3" x14ac:dyDescent="0.35">
      <c r="A2118" s="3" t="s">
        <v>101</v>
      </c>
      <c r="B2118" s="3" t="s">
        <v>873</v>
      </c>
      <c r="C2118" s="284">
        <v>1</v>
      </c>
    </row>
    <row r="2119" spans="1:3" x14ac:dyDescent="0.35">
      <c r="A2119" s="3" t="s">
        <v>1515</v>
      </c>
      <c r="B2119" s="3" t="s">
        <v>1675</v>
      </c>
      <c r="C2119" s="284">
        <v>1</v>
      </c>
    </row>
    <row r="2120" spans="1:3" x14ac:dyDescent="0.35">
      <c r="A2120" s="3" t="s">
        <v>101</v>
      </c>
      <c r="B2120" s="3" t="s">
        <v>874</v>
      </c>
      <c r="C2120" s="284">
        <v>1</v>
      </c>
    </row>
    <row r="2121" spans="1:3" x14ac:dyDescent="0.35">
      <c r="A2121" s="3" t="s">
        <v>1515</v>
      </c>
      <c r="B2121" s="3" t="s">
        <v>1676</v>
      </c>
      <c r="C2121" s="284">
        <v>1</v>
      </c>
    </row>
    <row r="2122" spans="1:3" x14ac:dyDescent="0.35">
      <c r="A2122" s="3" t="s">
        <v>54</v>
      </c>
      <c r="B2122" s="3" t="s">
        <v>493</v>
      </c>
      <c r="C2122" s="284">
        <v>1</v>
      </c>
    </row>
    <row r="2123" spans="1:3" x14ac:dyDescent="0.35">
      <c r="A2123" s="3" t="s">
        <v>95</v>
      </c>
      <c r="B2123" s="3" t="s">
        <v>407</v>
      </c>
      <c r="C2123" s="284">
        <v>1</v>
      </c>
    </row>
    <row r="2124" spans="1:3" x14ac:dyDescent="0.35">
      <c r="A2124" s="3" t="s">
        <v>2029</v>
      </c>
      <c r="B2124" s="3" t="s">
        <v>2113</v>
      </c>
      <c r="C2124" s="284">
        <v>1</v>
      </c>
    </row>
    <row r="2125" spans="1:3" x14ac:dyDescent="0.35">
      <c r="A2125" s="3" t="s">
        <v>1974</v>
      </c>
      <c r="B2125" s="3" t="s">
        <v>2004</v>
      </c>
      <c r="C2125" s="284">
        <v>1</v>
      </c>
    </row>
    <row r="2126" spans="1:3" x14ac:dyDescent="0.35">
      <c r="A2126" s="3" t="s">
        <v>1974</v>
      </c>
      <c r="B2126" s="3" t="s">
        <v>2005</v>
      </c>
      <c r="C2126" s="284">
        <v>1</v>
      </c>
    </row>
    <row r="2127" spans="1:3" x14ac:dyDescent="0.35">
      <c r="A2127" s="3" t="s">
        <v>512</v>
      </c>
      <c r="B2127" s="3" t="s">
        <v>601</v>
      </c>
      <c r="C2127" s="284">
        <v>1</v>
      </c>
    </row>
    <row r="2128" spans="1:3" x14ac:dyDescent="0.35">
      <c r="A2128" s="3" t="s">
        <v>1812</v>
      </c>
      <c r="B2128" s="3" t="s">
        <v>1851</v>
      </c>
      <c r="C2128" s="284">
        <v>1</v>
      </c>
    </row>
    <row r="2129" spans="1:3" x14ac:dyDescent="0.35">
      <c r="A2129" s="3" t="s">
        <v>631</v>
      </c>
      <c r="B2129" s="3" t="s">
        <v>723</v>
      </c>
      <c r="C2129" s="284">
        <v>1</v>
      </c>
    </row>
    <row r="2130" spans="1:3" x14ac:dyDescent="0.35">
      <c r="A2130" s="3" t="s">
        <v>631</v>
      </c>
      <c r="B2130" s="3" t="s">
        <v>724</v>
      </c>
      <c r="C2130" s="284">
        <v>1</v>
      </c>
    </row>
    <row r="2131" spans="1:3" x14ac:dyDescent="0.35">
      <c r="A2131" s="3" t="s">
        <v>2133</v>
      </c>
      <c r="B2131" s="3" t="s">
        <v>2286</v>
      </c>
      <c r="C2131" s="284">
        <v>1</v>
      </c>
    </row>
    <row r="2132" spans="1:3" x14ac:dyDescent="0.35">
      <c r="A2132" s="3" t="s">
        <v>631</v>
      </c>
      <c r="B2132" s="278" t="s">
        <v>725</v>
      </c>
      <c r="C2132" s="284">
        <v>0.91100000000000003</v>
      </c>
    </row>
    <row r="2133" spans="1:3" x14ac:dyDescent="0.35">
      <c r="A2133" s="3" t="s">
        <v>2133</v>
      </c>
      <c r="B2133" s="3" t="s">
        <v>2287</v>
      </c>
      <c r="C2133" s="284">
        <v>1</v>
      </c>
    </row>
    <row r="2134" spans="1:3" x14ac:dyDescent="0.35">
      <c r="A2134" s="3" t="s">
        <v>2133</v>
      </c>
      <c r="B2134" s="3" t="s">
        <v>2288</v>
      </c>
      <c r="C2134" s="284">
        <v>1</v>
      </c>
    </row>
    <row r="2135" spans="1:3" x14ac:dyDescent="0.35">
      <c r="A2135" s="3" t="s">
        <v>2029</v>
      </c>
      <c r="B2135" s="3" t="s">
        <v>2114</v>
      </c>
      <c r="C2135" s="284">
        <v>1</v>
      </c>
    </row>
    <row r="2136" spans="1:3" x14ac:dyDescent="0.35">
      <c r="A2136" s="3" t="s">
        <v>1515</v>
      </c>
      <c r="B2136" s="3" t="s">
        <v>1677</v>
      </c>
      <c r="C2136" s="284">
        <v>1</v>
      </c>
    </row>
    <row r="2137" spans="1:3" x14ac:dyDescent="0.35">
      <c r="A2137" s="3" t="s">
        <v>2133</v>
      </c>
      <c r="B2137" s="3" t="s">
        <v>2289</v>
      </c>
      <c r="C2137" s="284">
        <v>1</v>
      </c>
    </row>
    <row r="2138" spans="1:3" x14ac:dyDescent="0.35">
      <c r="A2138" s="3" t="s">
        <v>54</v>
      </c>
      <c r="B2138" s="3" t="s">
        <v>495</v>
      </c>
      <c r="C2138" s="284">
        <v>1</v>
      </c>
    </row>
    <row r="2139" spans="1:3" x14ac:dyDescent="0.35">
      <c r="A2139" s="3" t="s">
        <v>631</v>
      </c>
      <c r="B2139" s="3" t="s">
        <v>726</v>
      </c>
      <c r="C2139" s="284">
        <v>1</v>
      </c>
    </row>
    <row r="2140" spans="1:3" x14ac:dyDescent="0.35">
      <c r="A2140" s="3" t="s">
        <v>1515</v>
      </c>
      <c r="B2140" s="3" t="s">
        <v>1678</v>
      </c>
      <c r="C2140" s="284">
        <v>1</v>
      </c>
    </row>
    <row r="2141" spans="1:3" x14ac:dyDescent="0.35">
      <c r="A2141" s="3" t="s">
        <v>631</v>
      </c>
      <c r="B2141" s="3" t="s">
        <v>727</v>
      </c>
      <c r="C2141" s="284">
        <v>1</v>
      </c>
    </row>
    <row r="2142" spans="1:3" x14ac:dyDescent="0.35">
      <c r="A2142" s="3" t="s">
        <v>54</v>
      </c>
      <c r="B2142" s="3" t="s">
        <v>496</v>
      </c>
      <c r="C2142" s="284">
        <v>1</v>
      </c>
    </row>
    <row r="2143" spans="1:3" x14ac:dyDescent="0.35">
      <c r="A2143" s="3" t="s">
        <v>2029</v>
      </c>
      <c r="B2143" s="3" t="s">
        <v>2115</v>
      </c>
      <c r="C2143" s="284">
        <v>1</v>
      </c>
    </row>
    <row r="2144" spans="1:3" x14ac:dyDescent="0.35">
      <c r="A2144" s="3" t="s">
        <v>133</v>
      </c>
      <c r="B2144" s="3" t="s">
        <v>169</v>
      </c>
      <c r="C2144" s="284">
        <v>1</v>
      </c>
    </row>
    <row r="2145" spans="1:3" x14ac:dyDescent="0.35">
      <c r="A2145" s="3" t="s">
        <v>2133</v>
      </c>
      <c r="B2145" s="3" t="s">
        <v>169</v>
      </c>
      <c r="C2145" s="284">
        <v>1</v>
      </c>
    </row>
    <row r="2146" spans="1:3" x14ac:dyDescent="0.35">
      <c r="A2146" s="3" t="s">
        <v>1744</v>
      </c>
      <c r="B2146" s="3" t="s">
        <v>1782</v>
      </c>
      <c r="C2146" s="284">
        <v>1</v>
      </c>
    </row>
    <row r="2147" spans="1:3" x14ac:dyDescent="0.35">
      <c r="A2147" s="3" t="s">
        <v>2133</v>
      </c>
      <c r="B2147" s="3" t="s">
        <v>2290</v>
      </c>
      <c r="C2147" s="284">
        <v>1</v>
      </c>
    </row>
    <row r="2148" spans="1:3" x14ac:dyDescent="0.35">
      <c r="A2148" s="3" t="s">
        <v>13</v>
      </c>
      <c r="B2148" s="279" t="s">
        <v>17</v>
      </c>
      <c r="C2148" s="284">
        <v>1.175</v>
      </c>
    </row>
    <row r="2149" spans="1:3" x14ac:dyDescent="0.35">
      <c r="A2149" s="3" t="s">
        <v>176</v>
      </c>
      <c r="B2149" s="3" t="s">
        <v>270</v>
      </c>
      <c r="C2149" s="284">
        <v>1</v>
      </c>
    </row>
    <row r="2150" spans="1:3" x14ac:dyDescent="0.35">
      <c r="A2150" s="3" t="s">
        <v>1515</v>
      </c>
      <c r="B2150" s="3" t="s">
        <v>1679</v>
      </c>
      <c r="C2150" s="284">
        <v>1</v>
      </c>
    </row>
    <row r="2151" spans="1:3" x14ac:dyDescent="0.35">
      <c r="A2151" s="3" t="s">
        <v>631</v>
      </c>
      <c r="B2151" s="3" t="s">
        <v>728</v>
      </c>
      <c r="C2151" s="284">
        <v>1</v>
      </c>
    </row>
    <row r="2152" spans="1:3" x14ac:dyDescent="0.35">
      <c r="A2152" s="3" t="s">
        <v>2029</v>
      </c>
      <c r="B2152" s="3" t="s">
        <v>2116</v>
      </c>
      <c r="C2152" s="284">
        <v>1</v>
      </c>
    </row>
    <row r="2153" spans="1:3" x14ac:dyDescent="0.35">
      <c r="A2153" s="3" t="s">
        <v>751</v>
      </c>
      <c r="B2153" s="3" t="s">
        <v>833</v>
      </c>
      <c r="C2153" s="284">
        <v>1</v>
      </c>
    </row>
    <row r="2154" spans="1:3" x14ac:dyDescent="0.35">
      <c r="A2154" s="3" t="s">
        <v>751</v>
      </c>
      <c r="B2154" s="3" t="s">
        <v>834</v>
      </c>
      <c r="C2154" s="284">
        <v>1</v>
      </c>
    </row>
    <row r="2155" spans="1:3" x14ac:dyDescent="0.35">
      <c r="A2155" s="3" t="s">
        <v>2029</v>
      </c>
      <c r="B2155" s="3" t="s">
        <v>2117</v>
      </c>
      <c r="C2155" s="284">
        <v>1</v>
      </c>
    </row>
    <row r="2156" spans="1:3" x14ac:dyDescent="0.35">
      <c r="A2156" s="3" t="s">
        <v>751</v>
      </c>
      <c r="B2156" s="3" t="s">
        <v>835</v>
      </c>
      <c r="C2156" s="284">
        <v>1</v>
      </c>
    </row>
    <row r="2157" spans="1:3" x14ac:dyDescent="0.35">
      <c r="A2157" s="3" t="s">
        <v>2029</v>
      </c>
      <c r="B2157" s="3" t="s">
        <v>2118</v>
      </c>
      <c r="C2157" s="284">
        <v>1</v>
      </c>
    </row>
    <row r="2158" spans="1:3" x14ac:dyDescent="0.35">
      <c r="A2158" s="3" t="s">
        <v>2029</v>
      </c>
      <c r="B2158" s="3" t="s">
        <v>2119</v>
      </c>
      <c r="C2158" s="284">
        <v>1</v>
      </c>
    </row>
    <row r="2159" spans="1:3" x14ac:dyDescent="0.35">
      <c r="A2159" s="3" t="s">
        <v>2029</v>
      </c>
      <c r="B2159" s="3" t="s">
        <v>2120</v>
      </c>
      <c r="C2159" s="284">
        <v>1</v>
      </c>
    </row>
    <row r="2160" spans="1:3" x14ac:dyDescent="0.35">
      <c r="A2160" s="3" t="s">
        <v>2029</v>
      </c>
      <c r="B2160" s="3" t="s">
        <v>2121</v>
      </c>
      <c r="C2160" s="284">
        <v>1</v>
      </c>
    </row>
    <row r="2161" spans="1:3" x14ac:dyDescent="0.35">
      <c r="A2161" s="3" t="s">
        <v>95</v>
      </c>
      <c r="B2161" s="3" t="s">
        <v>408</v>
      </c>
      <c r="C2161" s="284">
        <v>1</v>
      </c>
    </row>
    <row r="2162" spans="1:3" x14ac:dyDescent="0.35">
      <c r="A2162" s="3" t="s">
        <v>512</v>
      </c>
      <c r="B2162" s="3" t="s">
        <v>602</v>
      </c>
      <c r="C2162" s="284">
        <v>1</v>
      </c>
    </row>
    <row r="2163" spans="1:3" x14ac:dyDescent="0.35">
      <c r="A2163" s="3" t="s">
        <v>54</v>
      </c>
      <c r="B2163" s="278" t="s">
        <v>497</v>
      </c>
      <c r="C2163" s="284">
        <v>1.073</v>
      </c>
    </row>
    <row r="2164" spans="1:3" x14ac:dyDescent="0.35">
      <c r="A2164" s="3" t="s">
        <v>2029</v>
      </c>
      <c r="B2164" s="3" t="s">
        <v>2122</v>
      </c>
      <c r="C2164" s="284">
        <v>1</v>
      </c>
    </row>
    <row r="2165" spans="1:3" x14ac:dyDescent="0.35">
      <c r="A2165" s="3" t="s">
        <v>2133</v>
      </c>
      <c r="B2165" s="3" t="s">
        <v>2295</v>
      </c>
      <c r="C2165" s="284">
        <v>1</v>
      </c>
    </row>
    <row r="2166" spans="1:3" x14ac:dyDescent="0.35">
      <c r="A2166" s="3" t="s">
        <v>1515</v>
      </c>
      <c r="B2166" s="3" t="s">
        <v>1682</v>
      </c>
      <c r="C2166" s="284">
        <v>1</v>
      </c>
    </row>
    <row r="2167" spans="1:3" x14ac:dyDescent="0.35">
      <c r="A2167" s="3" t="s">
        <v>95</v>
      </c>
      <c r="B2167" s="3" t="s">
        <v>409</v>
      </c>
      <c r="C2167" s="284">
        <v>1</v>
      </c>
    </row>
    <row r="2168" spans="1:3" x14ac:dyDescent="0.35">
      <c r="A2168" s="3" t="s">
        <v>95</v>
      </c>
      <c r="B2168" s="3" t="s">
        <v>410</v>
      </c>
      <c r="C2168" s="284">
        <v>1</v>
      </c>
    </row>
    <row r="2169" spans="1:3" x14ac:dyDescent="0.35">
      <c r="A2169" s="3" t="s">
        <v>2133</v>
      </c>
      <c r="B2169" s="3" t="s">
        <v>2291</v>
      </c>
      <c r="C2169" s="284">
        <v>1</v>
      </c>
    </row>
    <row r="2170" spans="1:3" x14ac:dyDescent="0.35">
      <c r="A2170" s="3" t="s">
        <v>948</v>
      </c>
      <c r="B2170" s="3" t="s">
        <v>1496</v>
      </c>
      <c r="C2170" s="284">
        <v>1</v>
      </c>
    </row>
    <row r="2171" spans="1:3" x14ac:dyDescent="0.35">
      <c r="A2171" s="3" t="s">
        <v>2133</v>
      </c>
      <c r="B2171" s="3" t="s">
        <v>2292</v>
      </c>
      <c r="C2171" s="284">
        <v>1</v>
      </c>
    </row>
    <row r="2172" spans="1:3" x14ac:dyDescent="0.35">
      <c r="A2172" s="3" t="s">
        <v>2133</v>
      </c>
      <c r="B2172" s="3" t="s">
        <v>2293</v>
      </c>
      <c r="C2172" s="284">
        <v>1</v>
      </c>
    </row>
    <row r="2173" spans="1:3" x14ac:dyDescent="0.35">
      <c r="A2173" s="3" t="s">
        <v>1515</v>
      </c>
      <c r="B2173" s="3" t="s">
        <v>1680</v>
      </c>
      <c r="C2173" s="284">
        <v>1</v>
      </c>
    </row>
    <row r="2174" spans="1:3" x14ac:dyDescent="0.35">
      <c r="A2174" s="3" t="s">
        <v>2133</v>
      </c>
      <c r="B2174" s="3" t="s">
        <v>2294</v>
      </c>
      <c r="C2174" s="284">
        <v>1</v>
      </c>
    </row>
    <row r="2175" spans="1:3" x14ac:dyDescent="0.35">
      <c r="A2175" s="3" t="s">
        <v>948</v>
      </c>
      <c r="B2175" s="3" t="s">
        <v>1497</v>
      </c>
      <c r="C2175" s="284">
        <v>1</v>
      </c>
    </row>
    <row r="2176" spans="1:3" x14ac:dyDescent="0.35">
      <c r="A2176" s="3" t="s">
        <v>1515</v>
      </c>
      <c r="B2176" s="3" t="s">
        <v>1681</v>
      </c>
      <c r="C2176" s="284">
        <v>1</v>
      </c>
    </row>
    <row r="2177" spans="1:3" x14ac:dyDescent="0.35">
      <c r="A2177" s="3" t="s">
        <v>2323</v>
      </c>
      <c r="B2177" s="3" t="s">
        <v>127</v>
      </c>
      <c r="C2177" s="284">
        <v>1</v>
      </c>
    </row>
    <row r="2178" spans="1:3" x14ac:dyDescent="0.35">
      <c r="A2178" s="3" t="s">
        <v>45</v>
      </c>
      <c r="B2178" s="3" t="s">
        <v>80</v>
      </c>
      <c r="C2178" s="284">
        <v>1</v>
      </c>
    </row>
    <row r="2179" spans="1:3" x14ac:dyDescent="0.35">
      <c r="A2179" s="3" t="s">
        <v>1515</v>
      </c>
      <c r="B2179" s="3" t="s">
        <v>1683</v>
      </c>
      <c r="C2179" s="284">
        <v>1</v>
      </c>
    </row>
    <row r="2180" spans="1:3" x14ac:dyDescent="0.35">
      <c r="A2180" s="3" t="s">
        <v>54</v>
      </c>
      <c r="B2180" s="3" t="s">
        <v>498</v>
      </c>
      <c r="C2180" s="284">
        <v>1</v>
      </c>
    </row>
    <row r="2181" spans="1:3" x14ac:dyDescent="0.35">
      <c r="A2181" s="3" t="s">
        <v>54</v>
      </c>
      <c r="B2181" s="3" t="s">
        <v>499</v>
      </c>
      <c r="C2181" s="284">
        <v>1</v>
      </c>
    </row>
    <row r="2182" spans="1:3" x14ac:dyDescent="0.35">
      <c r="A2182" s="3" t="s">
        <v>512</v>
      </c>
      <c r="B2182" s="3" t="s">
        <v>603</v>
      </c>
      <c r="C2182" s="284">
        <v>1</v>
      </c>
    </row>
    <row r="2183" spans="1:3" x14ac:dyDescent="0.35">
      <c r="A2183" s="3" t="s">
        <v>95</v>
      </c>
      <c r="B2183" s="3" t="s">
        <v>411</v>
      </c>
      <c r="C2183" s="284">
        <v>1</v>
      </c>
    </row>
    <row r="2184" spans="1:3" x14ac:dyDescent="0.35">
      <c r="A2184" s="3" t="s">
        <v>2133</v>
      </c>
      <c r="B2184" s="3" t="s">
        <v>2296</v>
      </c>
      <c r="C2184" s="284">
        <v>1</v>
      </c>
    </row>
    <row r="2185" spans="1:3" x14ac:dyDescent="0.35">
      <c r="A2185" s="3" t="s">
        <v>948</v>
      </c>
      <c r="B2185" s="3" t="s">
        <v>1498</v>
      </c>
      <c r="C2185" s="284">
        <v>1</v>
      </c>
    </row>
    <row r="2186" spans="1:3" x14ac:dyDescent="0.35">
      <c r="A2186" s="3" t="s">
        <v>95</v>
      </c>
      <c r="B2186" s="3" t="s">
        <v>412</v>
      </c>
      <c r="C2186" s="284">
        <v>1</v>
      </c>
    </row>
    <row r="2187" spans="1:3" x14ac:dyDescent="0.35">
      <c r="A2187" s="3" t="s">
        <v>631</v>
      </c>
      <c r="B2187" s="3" t="s">
        <v>729</v>
      </c>
      <c r="C2187" s="284">
        <v>1</v>
      </c>
    </row>
    <row r="2188" spans="1:3" x14ac:dyDescent="0.35">
      <c r="A2188" s="3" t="s">
        <v>2133</v>
      </c>
      <c r="B2188" s="3" t="s">
        <v>2297</v>
      </c>
      <c r="C2188" s="284">
        <v>1</v>
      </c>
    </row>
    <row r="2189" spans="1:3" x14ac:dyDescent="0.35">
      <c r="A2189" s="3" t="s">
        <v>101</v>
      </c>
      <c r="B2189" s="3" t="s">
        <v>875</v>
      </c>
      <c r="C2189" s="284">
        <v>1</v>
      </c>
    </row>
    <row r="2190" spans="1:3" x14ac:dyDescent="0.35">
      <c r="A2190" s="3" t="s">
        <v>631</v>
      </c>
      <c r="B2190" s="3" t="s">
        <v>730</v>
      </c>
      <c r="C2190" s="284">
        <v>1</v>
      </c>
    </row>
    <row r="2191" spans="1:3" x14ac:dyDescent="0.35">
      <c r="A2191" s="3" t="s">
        <v>2323</v>
      </c>
      <c r="B2191" s="3" t="s">
        <v>128</v>
      </c>
      <c r="C2191" s="284">
        <v>1</v>
      </c>
    </row>
    <row r="2192" spans="1:3" x14ac:dyDescent="0.35">
      <c r="A2192" s="3" t="s">
        <v>751</v>
      </c>
      <c r="B2192" s="3" t="s">
        <v>836</v>
      </c>
      <c r="C2192" s="284">
        <v>1</v>
      </c>
    </row>
    <row r="2193" spans="1:3" x14ac:dyDescent="0.35">
      <c r="A2193" s="3" t="s">
        <v>1515</v>
      </c>
      <c r="B2193" s="3" t="s">
        <v>1684</v>
      </c>
      <c r="C2193" s="284">
        <v>1</v>
      </c>
    </row>
    <row r="2194" spans="1:3" x14ac:dyDescent="0.35">
      <c r="A2194" s="3" t="s">
        <v>1812</v>
      </c>
      <c r="B2194" s="3" t="s">
        <v>1852</v>
      </c>
      <c r="C2194" s="284">
        <v>1</v>
      </c>
    </row>
    <row r="2195" spans="1:3" x14ac:dyDescent="0.35">
      <c r="A2195" s="3" t="s">
        <v>2133</v>
      </c>
      <c r="B2195" s="3" t="s">
        <v>2152</v>
      </c>
      <c r="C2195" s="284">
        <v>1</v>
      </c>
    </row>
    <row r="2196" spans="1:3" x14ac:dyDescent="0.35">
      <c r="A2196" s="3" t="s">
        <v>101</v>
      </c>
      <c r="B2196" s="3" t="s">
        <v>876</v>
      </c>
      <c r="C2196" s="284">
        <v>1</v>
      </c>
    </row>
    <row r="2197" spans="1:3" x14ac:dyDescent="0.35">
      <c r="A2197" s="3" t="s">
        <v>54</v>
      </c>
      <c r="B2197" s="3" t="s">
        <v>500</v>
      </c>
      <c r="C2197" s="284">
        <v>1</v>
      </c>
    </row>
    <row r="2198" spans="1:3" x14ac:dyDescent="0.35">
      <c r="A2198" s="3" t="s">
        <v>54</v>
      </c>
      <c r="B2198" s="3" t="s">
        <v>501</v>
      </c>
      <c r="C2198" s="284">
        <v>1</v>
      </c>
    </row>
    <row r="2199" spans="1:3" x14ac:dyDescent="0.35">
      <c r="A2199" s="3" t="s">
        <v>1515</v>
      </c>
      <c r="B2199" s="3" t="s">
        <v>1685</v>
      </c>
      <c r="C2199" s="284">
        <v>1</v>
      </c>
    </row>
    <row r="2200" spans="1:3" x14ac:dyDescent="0.35">
      <c r="A2200" s="3" t="s">
        <v>1515</v>
      </c>
      <c r="B2200" s="3" t="s">
        <v>1686</v>
      </c>
      <c r="C2200" s="284">
        <v>1</v>
      </c>
    </row>
    <row r="2201" spans="1:3" x14ac:dyDescent="0.35">
      <c r="A2201" s="3" t="s">
        <v>95</v>
      </c>
      <c r="B2201" s="278" t="s">
        <v>413</v>
      </c>
      <c r="C2201" s="284">
        <v>0.85199999999999998</v>
      </c>
    </row>
    <row r="2202" spans="1:3" x14ac:dyDescent="0.35">
      <c r="A2202" s="3" t="s">
        <v>1515</v>
      </c>
      <c r="B2202" s="3" t="s">
        <v>1687</v>
      </c>
      <c r="C2202" s="284">
        <v>1</v>
      </c>
    </row>
    <row r="2203" spans="1:3" x14ac:dyDescent="0.35">
      <c r="A2203" s="3" t="s">
        <v>2133</v>
      </c>
      <c r="B2203" s="3" t="s">
        <v>2298</v>
      </c>
      <c r="C2203" s="284">
        <v>1</v>
      </c>
    </row>
    <row r="2204" spans="1:3" x14ac:dyDescent="0.35">
      <c r="A2204" s="3" t="s">
        <v>1515</v>
      </c>
      <c r="B2204" s="3" t="s">
        <v>1688</v>
      </c>
      <c r="C2204" s="284">
        <v>1</v>
      </c>
    </row>
    <row r="2205" spans="1:3" x14ac:dyDescent="0.35">
      <c r="A2205" s="3" t="s">
        <v>95</v>
      </c>
      <c r="B2205" s="3" t="s">
        <v>414</v>
      </c>
      <c r="C2205" s="284">
        <v>1</v>
      </c>
    </row>
    <row r="2206" spans="1:3" x14ac:dyDescent="0.35">
      <c r="A2206" s="3" t="s">
        <v>2133</v>
      </c>
      <c r="B2206" s="3" t="s">
        <v>2299</v>
      </c>
      <c r="C2206" s="284">
        <v>1</v>
      </c>
    </row>
    <row r="2207" spans="1:3" x14ac:dyDescent="0.35">
      <c r="A2207" s="3" t="s">
        <v>101</v>
      </c>
      <c r="B2207" s="3" t="s">
        <v>877</v>
      </c>
      <c r="C2207" s="284">
        <v>1</v>
      </c>
    </row>
    <row r="2208" spans="1:3" x14ac:dyDescent="0.35">
      <c r="A2208" s="3" t="s">
        <v>1515</v>
      </c>
      <c r="B2208" s="3" t="s">
        <v>1689</v>
      </c>
      <c r="C2208" s="284">
        <v>1</v>
      </c>
    </row>
    <row r="2209" spans="1:3" x14ac:dyDescent="0.35">
      <c r="A2209" s="3" t="s">
        <v>631</v>
      </c>
      <c r="B2209" s="3" t="s">
        <v>731</v>
      </c>
      <c r="C2209" s="284">
        <v>1</v>
      </c>
    </row>
    <row r="2210" spans="1:3" x14ac:dyDescent="0.35">
      <c r="A2210" s="3" t="s">
        <v>1974</v>
      </c>
      <c r="B2210" s="3" t="s">
        <v>1974</v>
      </c>
      <c r="C2210" s="284">
        <v>0.89700000000000002</v>
      </c>
    </row>
    <row r="2211" spans="1:3" x14ac:dyDescent="0.35">
      <c r="A2211" s="3" t="s">
        <v>1515</v>
      </c>
      <c r="B2211" s="3" t="s">
        <v>1690</v>
      </c>
      <c r="C2211" s="284">
        <v>1</v>
      </c>
    </row>
    <row r="2212" spans="1:3" x14ac:dyDescent="0.35">
      <c r="A2212" s="3" t="s">
        <v>1974</v>
      </c>
      <c r="B2212" s="3" t="s">
        <v>1690</v>
      </c>
      <c r="C2212" s="284">
        <v>1</v>
      </c>
    </row>
    <row r="2213" spans="1:3" x14ac:dyDescent="0.35">
      <c r="A2213" s="3" t="s">
        <v>54</v>
      </c>
      <c r="B2213" s="3" t="s">
        <v>502</v>
      </c>
      <c r="C2213" s="284">
        <v>1</v>
      </c>
    </row>
    <row r="2214" spans="1:3" x14ac:dyDescent="0.35">
      <c r="A2214" s="3" t="s">
        <v>101</v>
      </c>
      <c r="B2214" s="3" t="s">
        <v>878</v>
      </c>
      <c r="C2214" s="284">
        <v>1</v>
      </c>
    </row>
    <row r="2215" spans="1:3" x14ac:dyDescent="0.35">
      <c r="A2215" s="3" t="s">
        <v>751</v>
      </c>
      <c r="B2215" s="3" t="s">
        <v>837</v>
      </c>
      <c r="C2215" s="284">
        <v>1</v>
      </c>
    </row>
    <row r="2216" spans="1:3" x14ac:dyDescent="0.35">
      <c r="A2216" s="3" t="s">
        <v>2133</v>
      </c>
      <c r="B2216" s="3" t="s">
        <v>2300</v>
      </c>
      <c r="C2216" s="284">
        <v>1</v>
      </c>
    </row>
    <row r="2217" spans="1:3" x14ac:dyDescent="0.35">
      <c r="A2217" s="3" t="s">
        <v>1974</v>
      </c>
      <c r="B2217" s="3" t="s">
        <v>2006</v>
      </c>
      <c r="C2217" s="284">
        <v>1</v>
      </c>
    </row>
    <row r="2218" spans="1:3" x14ac:dyDescent="0.35">
      <c r="A2218" s="3" t="s">
        <v>1515</v>
      </c>
      <c r="B2218" s="3" t="s">
        <v>1691</v>
      </c>
      <c r="C2218" s="284">
        <v>1</v>
      </c>
    </row>
    <row r="2219" spans="1:3" x14ac:dyDescent="0.35">
      <c r="A2219" s="3" t="s">
        <v>1515</v>
      </c>
      <c r="B2219" s="3" t="s">
        <v>1692</v>
      </c>
      <c r="C2219" s="284">
        <v>1</v>
      </c>
    </row>
    <row r="2220" spans="1:3" x14ac:dyDescent="0.35">
      <c r="A2220" s="3" t="s">
        <v>751</v>
      </c>
      <c r="B2220" s="3" t="s">
        <v>838</v>
      </c>
      <c r="C2220" s="284">
        <v>1</v>
      </c>
    </row>
    <row r="2221" spans="1:3" x14ac:dyDescent="0.35">
      <c r="A2221" s="3" t="s">
        <v>54</v>
      </c>
      <c r="B2221" s="3" t="s">
        <v>503</v>
      </c>
      <c r="C2221" s="284">
        <v>1</v>
      </c>
    </row>
    <row r="2222" spans="1:3" x14ac:dyDescent="0.35">
      <c r="A2222" s="3" t="s">
        <v>512</v>
      </c>
      <c r="B2222" s="3" t="s">
        <v>605</v>
      </c>
      <c r="C2222" s="284">
        <v>1</v>
      </c>
    </row>
    <row r="2223" spans="1:3" x14ac:dyDescent="0.35">
      <c r="A2223" s="3" t="s">
        <v>1718</v>
      </c>
      <c r="B2223" s="3" t="s">
        <v>605</v>
      </c>
      <c r="C2223" s="284">
        <v>1</v>
      </c>
    </row>
    <row r="2224" spans="1:3" x14ac:dyDescent="0.35">
      <c r="A2224" s="3" t="s">
        <v>631</v>
      </c>
      <c r="B2224" s="3" t="s">
        <v>732</v>
      </c>
      <c r="C2224" s="284">
        <v>0.96</v>
      </c>
    </row>
    <row r="2225" spans="1:3" x14ac:dyDescent="0.35">
      <c r="A2225" s="3" t="s">
        <v>512</v>
      </c>
      <c r="B2225" s="3" t="s">
        <v>606</v>
      </c>
      <c r="C2225" s="284">
        <v>1</v>
      </c>
    </row>
    <row r="2226" spans="1:3" x14ac:dyDescent="0.35">
      <c r="A2226" s="3" t="s">
        <v>2133</v>
      </c>
      <c r="B2226" s="3" t="s">
        <v>606</v>
      </c>
      <c r="C2226" s="284">
        <v>1</v>
      </c>
    </row>
    <row r="2227" spans="1:3" x14ac:dyDescent="0.35">
      <c r="A2227" s="3" t="s">
        <v>176</v>
      </c>
      <c r="B2227" s="3" t="s">
        <v>271</v>
      </c>
      <c r="C2227" s="284">
        <v>1</v>
      </c>
    </row>
    <row r="2228" spans="1:3" x14ac:dyDescent="0.35">
      <c r="A2228" s="3" t="s">
        <v>512</v>
      </c>
      <c r="B2228" s="3" t="s">
        <v>271</v>
      </c>
      <c r="C2228" s="284">
        <v>1</v>
      </c>
    </row>
    <row r="2229" spans="1:3" x14ac:dyDescent="0.35">
      <c r="A2229" s="3" t="s">
        <v>631</v>
      </c>
      <c r="B2229" s="3" t="s">
        <v>750</v>
      </c>
      <c r="C2229" s="284">
        <v>1</v>
      </c>
    </row>
    <row r="2230" spans="1:3" x14ac:dyDescent="0.35">
      <c r="A2230" s="3" t="s">
        <v>631</v>
      </c>
      <c r="B2230" s="3" t="s">
        <v>733</v>
      </c>
      <c r="C2230" s="284">
        <v>1</v>
      </c>
    </row>
    <row r="2231" spans="1:3" x14ac:dyDescent="0.35">
      <c r="A2231" s="3" t="s">
        <v>512</v>
      </c>
      <c r="B2231" s="3" t="s">
        <v>607</v>
      </c>
      <c r="C2231" s="284">
        <v>1</v>
      </c>
    </row>
    <row r="2232" spans="1:3" x14ac:dyDescent="0.35">
      <c r="A2232" s="3" t="s">
        <v>2133</v>
      </c>
      <c r="B2232" s="3" t="s">
        <v>2301</v>
      </c>
      <c r="C2232" s="284">
        <v>1</v>
      </c>
    </row>
    <row r="2233" spans="1:3" x14ac:dyDescent="0.35">
      <c r="A2233" s="3" t="s">
        <v>512</v>
      </c>
      <c r="B2233" s="3" t="s">
        <v>608</v>
      </c>
      <c r="C2233" s="284">
        <v>1</v>
      </c>
    </row>
    <row r="2234" spans="1:3" x14ac:dyDescent="0.35">
      <c r="A2234" s="3" t="s">
        <v>45</v>
      </c>
      <c r="B2234" s="3" t="s">
        <v>81</v>
      </c>
      <c r="C2234" s="284">
        <v>1</v>
      </c>
    </row>
    <row r="2235" spans="1:3" x14ac:dyDescent="0.35">
      <c r="A2235" s="3" t="s">
        <v>84</v>
      </c>
      <c r="B2235" s="3" t="s">
        <v>116</v>
      </c>
      <c r="C2235" s="284">
        <v>0.90200000000000002</v>
      </c>
    </row>
    <row r="2236" spans="1:3" x14ac:dyDescent="0.35">
      <c r="A2236" s="3" t="s">
        <v>512</v>
      </c>
      <c r="B2236" s="3" t="s">
        <v>609</v>
      </c>
      <c r="C2236" s="284">
        <v>1</v>
      </c>
    </row>
    <row r="2237" spans="1:3" x14ac:dyDescent="0.35">
      <c r="A2237" s="3" t="s">
        <v>1974</v>
      </c>
      <c r="B2237" s="3" t="s">
        <v>2007</v>
      </c>
      <c r="C2237" s="284">
        <v>1</v>
      </c>
    </row>
    <row r="2238" spans="1:3" x14ac:dyDescent="0.35">
      <c r="A2238" s="3" t="s">
        <v>176</v>
      </c>
      <c r="B2238" s="3" t="s">
        <v>272</v>
      </c>
      <c r="C2238" s="284">
        <v>1</v>
      </c>
    </row>
    <row r="2239" spans="1:3" x14ac:dyDescent="0.35">
      <c r="A2239" s="3" t="s">
        <v>101</v>
      </c>
      <c r="B2239" s="3" t="s">
        <v>879</v>
      </c>
      <c r="C2239" s="284">
        <v>1</v>
      </c>
    </row>
    <row r="2240" spans="1:3" x14ac:dyDescent="0.35">
      <c r="A2240" s="3" t="s">
        <v>1515</v>
      </c>
      <c r="B2240" s="3" t="s">
        <v>1693</v>
      </c>
      <c r="C2240" s="284">
        <v>1</v>
      </c>
    </row>
    <row r="2241" spans="1:3" x14ac:dyDescent="0.35">
      <c r="A2241" s="3" t="s">
        <v>948</v>
      </c>
      <c r="B2241" s="3" t="s">
        <v>1499</v>
      </c>
      <c r="C2241" s="284">
        <v>1</v>
      </c>
    </row>
    <row r="2242" spans="1:3" x14ac:dyDescent="0.35">
      <c r="A2242" s="3" t="s">
        <v>512</v>
      </c>
      <c r="B2242" s="3" t="s">
        <v>610</v>
      </c>
      <c r="C2242" s="284">
        <v>1</v>
      </c>
    </row>
    <row r="2243" spans="1:3" x14ac:dyDescent="0.35">
      <c r="A2243" s="3" t="s">
        <v>2133</v>
      </c>
      <c r="B2243" s="3" t="s">
        <v>2302</v>
      </c>
      <c r="C2243" s="284">
        <v>1</v>
      </c>
    </row>
    <row r="2244" spans="1:3" x14ac:dyDescent="0.35">
      <c r="A2244" s="3" t="s">
        <v>1812</v>
      </c>
      <c r="B2244" s="3" t="s">
        <v>1859</v>
      </c>
      <c r="C2244" s="284">
        <v>1</v>
      </c>
    </row>
    <row r="2245" spans="1:3" x14ac:dyDescent="0.35">
      <c r="A2245" s="3" t="s">
        <v>2133</v>
      </c>
      <c r="B2245" s="3" t="s">
        <v>2317</v>
      </c>
      <c r="C2245" s="284">
        <v>1</v>
      </c>
    </row>
    <row r="2246" spans="1:3" x14ac:dyDescent="0.35">
      <c r="A2246" s="3" t="s">
        <v>1880</v>
      </c>
      <c r="B2246" s="3" t="s">
        <v>1938</v>
      </c>
      <c r="C2246" s="284">
        <v>1</v>
      </c>
    </row>
    <row r="2247" spans="1:3" x14ac:dyDescent="0.35">
      <c r="A2247" s="3" t="s">
        <v>1812</v>
      </c>
      <c r="B2247" s="3" t="s">
        <v>1821</v>
      </c>
      <c r="C2247" s="284">
        <v>1</v>
      </c>
    </row>
    <row r="2248" spans="1:3" x14ac:dyDescent="0.35">
      <c r="A2248" s="3" t="s">
        <v>948</v>
      </c>
      <c r="B2248" s="3" t="s">
        <v>1500</v>
      </c>
      <c r="C2248" s="284">
        <v>1</v>
      </c>
    </row>
    <row r="2249" spans="1:3" x14ac:dyDescent="0.35">
      <c r="A2249" s="3" t="s">
        <v>1880</v>
      </c>
      <c r="B2249" s="3" t="s">
        <v>1939</v>
      </c>
      <c r="C2249" s="284">
        <v>1</v>
      </c>
    </row>
    <row r="2250" spans="1:3" x14ac:dyDescent="0.35">
      <c r="A2250" s="3" t="s">
        <v>1945</v>
      </c>
      <c r="B2250" s="279" t="s">
        <v>1971</v>
      </c>
      <c r="C2250" s="284">
        <v>1</v>
      </c>
    </row>
    <row r="2251" spans="1:3" x14ac:dyDescent="0.35">
      <c r="A2251" s="3" t="s">
        <v>54</v>
      </c>
      <c r="B2251" s="278" t="s">
        <v>504</v>
      </c>
      <c r="C2251" s="284">
        <v>0.90500000000000003</v>
      </c>
    </row>
    <row r="2252" spans="1:3" x14ac:dyDescent="0.35">
      <c r="A2252" s="3" t="s">
        <v>54</v>
      </c>
      <c r="B2252" s="278" t="s">
        <v>505</v>
      </c>
      <c r="C2252" s="284">
        <v>0.88100000000000001</v>
      </c>
    </row>
    <row r="2253" spans="1:3" x14ac:dyDescent="0.35">
      <c r="A2253" s="3" t="s">
        <v>1515</v>
      </c>
      <c r="B2253" s="3" t="s">
        <v>1694</v>
      </c>
      <c r="C2253" s="284">
        <v>1</v>
      </c>
    </row>
    <row r="2254" spans="1:3" x14ac:dyDescent="0.35">
      <c r="A2254" s="3" t="s">
        <v>631</v>
      </c>
      <c r="B2254" s="3" t="s">
        <v>734</v>
      </c>
      <c r="C2254" s="284">
        <v>1</v>
      </c>
    </row>
    <row r="2255" spans="1:3" x14ac:dyDescent="0.35">
      <c r="A2255" s="3" t="s">
        <v>631</v>
      </c>
      <c r="B2255" s="3" t="s">
        <v>735</v>
      </c>
      <c r="C2255" s="284">
        <v>1</v>
      </c>
    </row>
    <row r="2256" spans="1:3" x14ac:dyDescent="0.35">
      <c r="A2256" s="3" t="s">
        <v>1734</v>
      </c>
      <c r="B2256" s="3" t="s">
        <v>1741</v>
      </c>
      <c r="C2256" s="284">
        <v>1</v>
      </c>
    </row>
    <row r="2257" spans="1:3" x14ac:dyDescent="0.35">
      <c r="A2257" s="3" t="s">
        <v>176</v>
      </c>
      <c r="B2257" s="3" t="s">
        <v>274</v>
      </c>
      <c r="C2257" s="284">
        <v>1</v>
      </c>
    </row>
    <row r="2258" spans="1:3" x14ac:dyDescent="0.35">
      <c r="A2258" s="3" t="s">
        <v>751</v>
      </c>
      <c r="B2258" s="3" t="s">
        <v>839</v>
      </c>
      <c r="C2258" s="284">
        <v>1</v>
      </c>
    </row>
    <row r="2259" spans="1:3" x14ac:dyDescent="0.35">
      <c r="A2259" s="3" t="s">
        <v>2029</v>
      </c>
      <c r="B2259" s="3" t="s">
        <v>2123</v>
      </c>
      <c r="C2259" s="284">
        <v>1</v>
      </c>
    </row>
    <row r="2260" spans="1:3" x14ac:dyDescent="0.35">
      <c r="A2260" s="3" t="s">
        <v>751</v>
      </c>
      <c r="B2260" s="3" t="s">
        <v>840</v>
      </c>
      <c r="C2260" s="284">
        <v>1</v>
      </c>
    </row>
    <row r="2261" spans="1:3" x14ac:dyDescent="0.35">
      <c r="A2261" s="3" t="s">
        <v>512</v>
      </c>
      <c r="B2261" s="3" t="s">
        <v>611</v>
      </c>
      <c r="C2261" s="284">
        <v>1</v>
      </c>
    </row>
    <row r="2262" spans="1:3" x14ac:dyDescent="0.35">
      <c r="A2262" s="3" t="s">
        <v>512</v>
      </c>
      <c r="B2262" s="3" t="s">
        <v>612</v>
      </c>
      <c r="C2262" s="284">
        <v>1</v>
      </c>
    </row>
    <row r="2263" spans="1:3" x14ac:dyDescent="0.35">
      <c r="A2263" s="3" t="s">
        <v>512</v>
      </c>
      <c r="B2263" s="3" t="s">
        <v>613</v>
      </c>
      <c r="C2263" s="284">
        <v>1</v>
      </c>
    </row>
    <row r="2264" spans="1:3" x14ac:dyDescent="0.35">
      <c r="A2264" s="3" t="s">
        <v>751</v>
      </c>
      <c r="B2264" s="3" t="s">
        <v>613</v>
      </c>
      <c r="C2264" s="284">
        <v>1</v>
      </c>
    </row>
    <row r="2265" spans="1:3" x14ac:dyDescent="0.35">
      <c r="A2265" s="3" t="s">
        <v>885</v>
      </c>
      <c r="B2265" s="3" t="s">
        <v>613</v>
      </c>
      <c r="C2265" s="284">
        <v>1</v>
      </c>
    </row>
    <row r="2266" spans="1:3" x14ac:dyDescent="0.35">
      <c r="A2266" s="3" t="s">
        <v>2133</v>
      </c>
      <c r="B2266" s="3" t="s">
        <v>613</v>
      </c>
      <c r="C2266" s="284">
        <v>1</v>
      </c>
    </row>
    <row r="2267" spans="1:3" x14ac:dyDescent="0.35">
      <c r="A2267" s="3" t="s">
        <v>2133</v>
      </c>
      <c r="B2267" s="3" t="s">
        <v>2303</v>
      </c>
      <c r="C2267" s="284">
        <v>1</v>
      </c>
    </row>
    <row r="2268" spans="1:3" x14ac:dyDescent="0.35">
      <c r="A2268" s="3" t="s">
        <v>176</v>
      </c>
      <c r="B2268" s="3" t="s">
        <v>276</v>
      </c>
      <c r="C2268" s="284">
        <v>1</v>
      </c>
    </row>
    <row r="2269" spans="1:3" x14ac:dyDescent="0.35">
      <c r="A2269" s="3" t="s">
        <v>176</v>
      </c>
      <c r="B2269" s="3" t="s">
        <v>275</v>
      </c>
      <c r="C2269" s="284">
        <v>0.92600000000000005</v>
      </c>
    </row>
    <row r="2270" spans="1:3" x14ac:dyDescent="0.35">
      <c r="A2270" s="3" t="s">
        <v>1515</v>
      </c>
      <c r="B2270" s="3" t="s">
        <v>1695</v>
      </c>
      <c r="C2270" s="284">
        <v>1</v>
      </c>
    </row>
    <row r="2271" spans="1:3" x14ac:dyDescent="0.35">
      <c r="A2271" s="3" t="s">
        <v>176</v>
      </c>
      <c r="B2271" s="3" t="s">
        <v>277</v>
      </c>
      <c r="C2271" s="284">
        <v>1</v>
      </c>
    </row>
    <row r="2272" spans="1:3" x14ac:dyDescent="0.35">
      <c r="A2272" s="3" t="s">
        <v>751</v>
      </c>
      <c r="B2272" s="3" t="s">
        <v>841</v>
      </c>
      <c r="C2272" s="284">
        <v>1</v>
      </c>
    </row>
    <row r="2273" spans="1:3" x14ac:dyDescent="0.35">
      <c r="A2273" s="3" t="s">
        <v>1515</v>
      </c>
      <c r="B2273" s="3" t="s">
        <v>1696</v>
      </c>
      <c r="C2273" s="284">
        <v>1</v>
      </c>
    </row>
    <row r="2274" spans="1:3" x14ac:dyDescent="0.35">
      <c r="A2274" s="3" t="s">
        <v>176</v>
      </c>
      <c r="B2274" s="3" t="s">
        <v>278</v>
      </c>
      <c r="C2274" s="284">
        <v>1</v>
      </c>
    </row>
    <row r="2275" spans="1:3" x14ac:dyDescent="0.35">
      <c r="A2275" s="3" t="s">
        <v>751</v>
      </c>
      <c r="B2275" s="3" t="s">
        <v>842</v>
      </c>
      <c r="C2275" s="284">
        <v>1</v>
      </c>
    </row>
    <row r="2276" spans="1:3" x14ac:dyDescent="0.35">
      <c r="A2276" s="3" t="s">
        <v>751</v>
      </c>
      <c r="B2276" s="3" t="s">
        <v>843</v>
      </c>
      <c r="C2276" s="284">
        <v>1</v>
      </c>
    </row>
    <row r="2277" spans="1:3" x14ac:dyDescent="0.35">
      <c r="A2277" s="3" t="s">
        <v>1974</v>
      </c>
      <c r="B2277" s="3" t="s">
        <v>2009</v>
      </c>
      <c r="C2277" s="284">
        <v>1</v>
      </c>
    </row>
    <row r="2278" spans="1:3" x14ac:dyDescent="0.35">
      <c r="A2278" s="3" t="s">
        <v>2029</v>
      </c>
      <c r="B2278" s="3" t="s">
        <v>2124</v>
      </c>
      <c r="C2278" s="284">
        <v>1</v>
      </c>
    </row>
    <row r="2279" spans="1:3" x14ac:dyDescent="0.35">
      <c r="A2279" s="3" t="s">
        <v>2029</v>
      </c>
      <c r="B2279" s="3" t="s">
        <v>2125</v>
      </c>
      <c r="C2279" s="284">
        <v>1</v>
      </c>
    </row>
    <row r="2280" spans="1:3" x14ac:dyDescent="0.35">
      <c r="A2280" s="3" t="s">
        <v>2029</v>
      </c>
      <c r="B2280" s="3" t="s">
        <v>2126</v>
      </c>
      <c r="C2280" s="284">
        <v>1</v>
      </c>
    </row>
    <row r="2281" spans="1:3" x14ac:dyDescent="0.35">
      <c r="A2281" s="3" t="s">
        <v>2029</v>
      </c>
      <c r="B2281" s="3" t="s">
        <v>2127</v>
      </c>
      <c r="C2281" s="284">
        <v>1</v>
      </c>
    </row>
    <row r="2282" spans="1:3" x14ac:dyDescent="0.35">
      <c r="A2282" s="3" t="s">
        <v>512</v>
      </c>
      <c r="B2282" s="3" t="s">
        <v>614</v>
      </c>
      <c r="C2282" s="284">
        <v>1</v>
      </c>
    </row>
    <row r="2283" spans="1:3" x14ac:dyDescent="0.35">
      <c r="A2283" s="3" t="s">
        <v>512</v>
      </c>
      <c r="B2283" s="3" t="s">
        <v>615</v>
      </c>
      <c r="C2283" s="284">
        <v>1</v>
      </c>
    </row>
    <row r="2284" spans="1:3" x14ac:dyDescent="0.35">
      <c r="A2284" s="3" t="s">
        <v>948</v>
      </c>
      <c r="B2284" s="3" t="s">
        <v>1502</v>
      </c>
      <c r="C2284" s="284">
        <v>1</v>
      </c>
    </row>
    <row r="2285" spans="1:3" x14ac:dyDescent="0.35">
      <c r="A2285" s="3" t="s">
        <v>176</v>
      </c>
      <c r="B2285" s="3" t="s">
        <v>279</v>
      </c>
      <c r="C2285" s="284">
        <v>1</v>
      </c>
    </row>
    <row r="2286" spans="1:3" x14ac:dyDescent="0.35">
      <c r="A2286" s="3" t="s">
        <v>1880</v>
      </c>
      <c r="B2286" s="3" t="s">
        <v>1940</v>
      </c>
      <c r="C2286" s="284">
        <v>1</v>
      </c>
    </row>
    <row r="2287" spans="1:3" x14ac:dyDescent="0.35">
      <c r="A2287" s="3" t="s">
        <v>133</v>
      </c>
      <c r="B2287" s="3" t="s">
        <v>170</v>
      </c>
      <c r="C2287" s="284">
        <v>1</v>
      </c>
    </row>
    <row r="2288" spans="1:3" x14ac:dyDescent="0.35">
      <c r="A2288" s="3" t="s">
        <v>293</v>
      </c>
      <c r="B2288" s="3" t="s">
        <v>348</v>
      </c>
      <c r="C2288" s="284">
        <v>1</v>
      </c>
    </row>
    <row r="2289" spans="1:3" x14ac:dyDescent="0.35">
      <c r="A2289" s="3" t="s">
        <v>2133</v>
      </c>
      <c r="B2289" s="3" t="s">
        <v>2304</v>
      </c>
      <c r="C2289" s="284">
        <v>1</v>
      </c>
    </row>
    <row r="2290" spans="1:3" x14ac:dyDescent="0.35">
      <c r="A2290" s="3" t="s">
        <v>293</v>
      </c>
      <c r="B2290" s="3" t="s">
        <v>349</v>
      </c>
      <c r="C2290" s="284">
        <v>1</v>
      </c>
    </row>
    <row r="2291" spans="1:3" x14ac:dyDescent="0.35">
      <c r="A2291" s="3" t="s">
        <v>751</v>
      </c>
      <c r="B2291" s="3" t="s">
        <v>844</v>
      </c>
      <c r="C2291" s="284">
        <v>0.95699999999999996</v>
      </c>
    </row>
    <row r="2292" spans="1:3" x14ac:dyDescent="0.35">
      <c r="A2292" s="3" t="s">
        <v>2133</v>
      </c>
      <c r="B2292" s="3" t="s">
        <v>2320</v>
      </c>
      <c r="C2292" s="284">
        <v>1</v>
      </c>
    </row>
    <row r="2293" spans="1:3" x14ac:dyDescent="0.35">
      <c r="A2293" s="3" t="s">
        <v>948</v>
      </c>
      <c r="B2293" s="3" t="s">
        <v>1503</v>
      </c>
      <c r="C2293" s="284">
        <v>1</v>
      </c>
    </row>
    <row r="2294" spans="1:3" x14ac:dyDescent="0.35">
      <c r="A2294" s="3" t="s">
        <v>2029</v>
      </c>
      <c r="B2294" s="3" t="s">
        <v>2128</v>
      </c>
      <c r="C2294" s="284">
        <v>0.89700000000000002</v>
      </c>
    </row>
    <row r="2295" spans="1:3" x14ac:dyDescent="0.35">
      <c r="A2295" s="3" t="s">
        <v>631</v>
      </c>
      <c r="B2295" s="3" t="s">
        <v>736</v>
      </c>
      <c r="C2295" s="284">
        <v>1</v>
      </c>
    </row>
    <row r="2296" spans="1:3" x14ac:dyDescent="0.35">
      <c r="A2296" s="3" t="s">
        <v>631</v>
      </c>
      <c r="B2296" s="3" t="s">
        <v>747</v>
      </c>
      <c r="C2296" s="284">
        <v>1</v>
      </c>
    </row>
    <row r="2297" spans="1:3" x14ac:dyDescent="0.35">
      <c r="A2297" s="3" t="s">
        <v>512</v>
      </c>
      <c r="B2297" s="3" t="s">
        <v>616</v>
      </c>
      <c r="C2297" s="284">
        <v>1</v>
      </c>
    </row>
    <row r="2298" spans="1:3" x14ac:dyDescent="0.35">
      <c r="A2298" s="3" t="s">
        <v>512</v>
      </c>
      <c r="B2298" s="3" t="s">
        <v>617</v>
      </c>
      <c r="C2298" s="284">
        <v>1</v>
      </c>
    </row>
    <row r="2299" spans="1:3" x14ac:dyDescent="0.35">
      <c r="A2299" s="3" t="s">
        <v>133</v>
      </c>
      <c r="B2299" s="3" t="s">
        <v>171</v>
      </c>
      <c r="C2299" s="284">
        <v>1</v>
      </c>
    </row>
    <row r="2300" spans="1:3" x14ac:dyDescent="0.35">
      <c r="A2300" s="3" t="s">
        <v>293</v>
      </c>
      <c r="B2300" s="3" t="s">
        <v>350</v>
      </c>
      <c r="C2300" s="284">
        <v>1</v>
      </c>
    </row>
    <row r="2301" spans="1:3" x14ac:dyDescent="0.35">
      <c r="A2301" s="3" t="s">
        <v>1945</v>
      </c>
      <c r="B2301" s="3" t="s">
        <v>1972</v>
      </c>
      <c r="C2301" s="284">
        <v>1</v>
      </c>
    </row>
    <row r="2302" spans="1:3" x14ac:dyDescent="0.35">
      <c r="A2302" s="3" t="s">
        <v>904</v>
      </c>
      <c r="B2302" s="3" t="s">
        <v>946</v>
      </c>
      <c r="C2302" s="284">
        <v>1</v>
      </c>
    </row>
    <row r="2303" spans="1:3" x14ac:dyDescent="0.35">
      <c r="A2303" s="3" t="s">
        <v>1812</v>
      </c>
      <c r="B2303" s="3" t="s">
        <v>1853</v>
      </c>
      <c r="C2303" s="284">
        <v>1</v>
      </c>
    </row>
    <row r="2304" spans="1:3" x14ac:dyDescent="0.35">
      <c r="A2304" s="3" t="s">
        <v>1744</v>
      </c>
      <c r="B2304" s="3" t="s">
        <v>1783</v>
      </c>
      <c r="C2304" s="284">
        <v>1</v>
      </c>
    </row>
    <row r="2305" spans="1:3" ht="24" x14ac:dyDescent="0.35">
      <c r="A2305" s="3" t="s">
        <v>2133</v>
      </c>
      <c r="B2305" s="3" t="s">
        <v>2305</v>
      </c>
      <c r="C2305" s="284">
        <v>1</v>
      </c>
    </row>
    <row r="2306" spans="1:3" x14ac:dyDescent="0.35">
      <c r="A2306" s="3" t="s">
        <v>1744</v>
      </c>
      <c r="B2306" s="3" t="s">
        <v>1784</v>
      </c>
      <c r="C2306" s="284">
        <v>1</v>
      </c>
    </row>
    <row r="2307" spans="1:3" x14ac:dyDescent="0.35">
      <c r="A2307" s="3" t="s">
        <v>2323</v>
      </c>
      <c r="B2307" s="3" t="s">
        <v>132</v>
      </c>
      <c r="C2307" s="284">
        <v>1</v>
      </c>
    </row>
    <row r="2308" spans="1:3" x14ac:dyDescent="0.35">
      <c r="A2308" s="3" t="s">
        <v>176</v>
      </c>
      <c r="B2308" s="3" t="s">
        <v>132</v>
      </c>
      <c r="C2308" s="284">
        <v>1</v>
      </c>
    </row>
    <row r="2309" spans="1:3" x14ac:dyDescent="0.35">
      <c r="A2309" s="3" t="s">
        <v>751</v>
      </c>
      <c r="B2309" s="3" t="s">
        <v>132</v>
      </c>
      <c r="C2309" s="284">
        <v>1</v>
      </c>
    </row>
    <row r="2310" spans="1:3" x14ac:dyDescent="0.35">
      <c r="A2310" s="3" t="s">
        <v>1515</v>
      </c>
      <c r="B2310" s="3" t="s">
        <v>132</v>
      </c>
      <c r="C2310" s="284">
        <v>1</v>
      </c>
    </row>
    <row r="2311" spans="1:3" ht="24" x14ac:dyDescent="0.35">
      <c r="A2311" s="3" t="s">
        <v>2133</v>
      </c>
      <c r="B2311" s="278" t="s">
        <v>2747</v>
      </c>
      <c r="C2311" s="284">
        <v>0.93899999999999995</v>
      </c>
    </row>
    <row r="2312" spans="1:3" x14ac:dyDescent="0.35">
      <c r="A2312" s="3" t="s">
        <v>1812</v>
      </c>
      <c r="B2312" s="3" t="s">
        <v>1854</v>
      </c>
      <c r="C2312" s="284">
        <v>1</v>
      </c>
    </row>
    <row r="2313" spans="1:3" x14ac:dyDescent="0.35">
      <c r="A2313" s="3" t="s">
        <v>45</v>
      </c>
      <c r="B2313" s="3" t="s">
        <v>82</v>
      </c>
      <c r="C2313" s="284">
        <v>1</v>
      </c>
    </row>
    <row r="2314" spans="1:3" x14ac:dyDescent="0.35">
      <c r="A2314" s="3" t="s">
        <v>1515</v>
      </c>
      <c r="B2314" s="3" t="s">
        <v>82</v>
      </c>
      <c r="C2314" s="284">
        <v>1</v>
      </c>
    </row>
    <row r="2315" spans="1:3" x14ac:dyDescent="0.35">
      <c r="A2315" s="3" t="s">
        <v>133</v>
      </c>
      <c r="B2315" s="3" t="s">
        <v>172</v>
      </c>
      <c r="C2315" s="284">
        <v>1</v>
      </c>
    </row>
    <row r="2316" spans="1:3" x14ac:dyDescent="0.35">
      <c r="A2316" s="3" t="s">
        <v>1945</v>
      </c>
      <c r="B2316" s="3" t="s">
        <v>172</v>
      </c>
      <c r="C2316" s="284">
        <v>1</v>
      </c>
    </row>
    <row r="2317" spans="1:3" x14ac:dyDescent="0.35">
      <c r="A2317" s="3" t="s">
        <v>84</v>
      </c>
      <c r="B2317" s="3" t="s">
        <v>117</v>
      </c>
      <c r="C2317" s="284">
        <v>1</v>
      </c>
    </row>
    <row r="2318" spans="1:3" ht="24" x14ac:dyDescent="0.35">
      <c r="A2318" s="3" t="s">
        <v>2133</v>
      </c>
      <c r="B2318" s="3" t="s">
        <v>2306</v>
      </c>
      <c r="C2318" s="284">
        <v>1</v>
      </c>
    </row>
    <row r="2319" spans="1:3" x14ac:dyDescent="0.35">
      <c r="A2319" s="3" t="s">
        <v>176</v>
      </c>
      <c r="B2319" s="3" t="s">
        <v>246</v>
      </c>
      <c r="C2319" s="284">
        <v>1</v>
      </c>
    </row>
    <row r="2320" spans="1:3" x14ac:dyDescent="0.35">
      <c r="A2320" s="3" t="s">
        <v>512</v>
      </c>
      <c r="B2320" s="3" t="s">
        <v>619</v>
      </c>
      <c r="C2320" s="284">
        <v>1</v>
      </c>
    </row>
    <row r="2321" spans="1:3" x14ac:dyDescent="0.35">
      <c r="A2321" s="3" t="s">
        <v>176</v>
      </c>
      <c r="B2321" s="3" t="s">
        <v>280</v>
      </c>
      <c r="C2321" s="284">
        <v>1</v>
      </c>
    </row>
    <row r="2322" spans="1:3" x14ac:dyDescent="0.35">
      <c r="A2322" s="3" t="s">
        <v>631</v>
      </c>
      <c r="B2322" s="3" t="s">
        <v>737</v>
      </c>
      <c r="C2322" s="284">
        <v>1</v>
      </c>
    </row>
    <row r="2323" spans="1:3" x14ac:dyDescent="0.35">
      <c r="A2323" s="3" t="s">
        <v>36</v>
      </c>
      <c r="B2323" s="3" t="s">
        <v>2325</v>
      </c>
      <c r="C2323" s="284">
        <v>1</v>
      </c>
    </row>
    <row r="2324" spans="1:3" x14ac:dyDescent="0.35">
      <c r="A2324" s="3" t="s">
        <v>1744</v>
      </c>
      <c r="B2324" s="3" t="s">
        <v>1793</v>
      </c>
      <c r="C2324" s="284">
        <v>1</v>
      </c>
    </row>
    <row r="2325" spans="1:3" x14ac:dyDescent="0.35">
      <c r="A2325" s="3" t="s">
        <v>1744</v>
      </c>
      <c r="B2325" s="3" t="s">
        <v>1785</v>
      </c>
      <c r="C2325" s="284">
        <v>1</v>
      </c>
    </row>
    <row r="2326" spans="1:3" x14ac:dyDescent="0.35">
      <c r="A2326" s="3" t="s">
        <v>948</v>
      </c>
      <c r="B2326" s="3" t="s">
        <v>1350</v>
      </c>
      <c r="C2326" s="284">
        <v>1</v>
      </c>
    </row>
    <row r="2327" spans="1:3" x14ac:dyDescent="0.35">
      <c r="A2327" s="3" t="s">
        <v>1812</v>
      </c>
      <c r="B2327" s="3" t="s">
        <v>1855</v>
      </c>
      <c r="C2327" s="284">
        <v>1</v>
      </c>
    </row>
    <row r="2328" spans="1:3" x14ac:dyDescent="0.35">
      <c r="A2328" s="3" t="s">
        <v>948</v>
      </c>
      <c r="B2328" s="3" t="s">
        <v>1283</v>
      </c>
      <c r="C2328" s="284">
        <v>1</v>
      </c>
    </row>
    <row r="2329" spans="1:3" x14ac:dyDescent="0.35">
      <c r="A2329" s="3" t="s">
        <v>1744</v>
      </c>
      <c r="B2329" s="3" t="s">
        <v>1786</v>
      </c>
      <c r="C2329" s="284">
        <v>1</v>
      </c>
    </row>
    <row r="2330" spans="1:3" x14ac:dyDescent="0.35">
      <c r="A2330" s="3" t="s">
        <v>1744</v>
      </c>
      <c r="B2330" s="3" t="s">
        <v>1787</v>
      </c>
      <c r="C2330" s="284">
        <v>1</v>
      </c>
    </row>
    <row r="2331" spans="1:3" x14ac:dyDescent="0.35">
      <c r="A2331" s="3" t="s">
        <v>1744</v>
      </c>
      <c r="B2331" s="3" t="s">
        <v>1788</v>
      </c>
      <c r="C2331" s="284">
        <v>1</v>
      </c>
    </row>
    <row r="2332" spans="1:3" x14ac:dyDescent="0.35">
      <c r="A2332" s="3" t="s">
        <v>1744</v>
      </c>
      <c r="B2332" s="3" t="s">
        <v>1789</v>
      </c>
      <c r="C2332" s="284">
        <v>1</v>
      </c>
    </row>
    <row r="2333" spans="1:3" x14ac:dyDescent="0.35">
      <c r="A2333" s="3" t="s">
        <v>948</v>
      </c>
      <c r="B2333" s="3" t="s">
        <v>1485</v>
      </c>
      <c r="C2333" s="284">
        <v>1</v>
      </c>
    </row>
    <row r="2334" spans="1:3" x14ac:dyDescent="0.35">
      <c r="A2334" s="3" t="s">
        <v>54</v>
      </c>
      <c r="B2334" s="3" t="s">
        <v>494</v>
      </c>
      <c r="C2334" s="284">
        <v>1</v>
      </c>
    </row>
    <row r="2335" spans="1:3" x14ac:dyDescent="0.35">
      <c r="A2335" s="3" t="s">
        <v>948</v>
      </c>
      <c r="B2335" s="3" t="s">
        <v>1279</v>
      </c>
      <c r="C2335" s="284">
        <v>1</v>
      </c>
    </row>
    <row r="2336" spans="1:3" x14ac:dyDescent="0.35">
      <c r="A2336" s="3" t="s">
        <v>948</v>
      </c>
      <c r="B2336" s="3" t="s">
        <v>1510</v>
      </c>
      <c r="C2336" s="284">
        <v>1</v>
      </c>
    </row>
    <row r="2337" spans="1:3" x14ac:dyDescent="0.35">
      <c r="A2337" s="3" t="s">
        <v>631</v>
      </c>
      <c r="B2337" s="3" t="s">
        <v>738</v>
      </c>
      <c r="C2337" s="284">
        <v>1</v>
      </c>
    </row>
    <row r="2338" spans="1:3" x14ac:dyDescent="0.35">
      <c r="A2338" s="3" t="s">
        <v>948</v>
      </c>
      <c r="B2338" s="3" t="s">
        <v>1505</v>
      </c>
      <c r="C2338" s="284">
        <v>1</v>
      </c>
    </row>
    <row r="2339" spans="1:3" x14ac:dyDescent="0.35">
      <c r="A2339" s="3" t="s">
        <v>1812</v>
      </c>
      <c r="B2339" s="3" t="s">
        <v>1856</v>
      </c>
      <c r="C2339" s="284">
        <v>1</v>
      </c>
    </row>
    <row r="2340" spans="1:3" x14ac:dyDescent="0.35">
      <c r="A2340" s="3" t="s">
        <v>1812</v>
      </c>
      <c r="B2340" s="3" t="s">
        <v>1857</v>
      </c>
      <c r="C2340" s="284">
        <v>1</v>
      </c>
    </row>
    <row r="2341" spans="1:3" x14ac:dyDescent="0.35">
      <c r="A2341" s="3" t="s">
        <v>512</v>
      </c>
      <c r="B2341" s="3" t="s">
        <v>620</v>
      </c>
      <c r="C2341" s="284">
        <v>1</v>
      </c>
    </row>
    <row r="2342" spans="1:3" x14ac:dyDescent="0.35">
      <c r="A2342" s="3" t="s">
        <v>631</v>
      </c>
      <c r="B2342" s="3" t="s">
        <v>620</v>
      </c>
      <c r="C2342" s="284">
        <v>1</v>
      </c>
    </row>
    <row r="2343" spans="1:3" x14ac:dyDescent="0.35">
      <c r="A2343" s="3" t="s">
        <v>512</v>
      </c>
      <c r="B2343" s="3" t="s">
        <v>621</v>
      </c>
      <c r="C2343" s="284">
        <v>1</v>
      </c>
    </row>
    <row r="2344" spans="1:3" x14ac:dyDescent="0.35">
      <c r="A2344" s="3" t="s">
        <v>948</v>
      </c>
      <c r="B2344" s="3" t="s">
        <v>621</v>
      </c>
      <c r="C2344" s="284">
        <v>1</v>
      </c>
    </row>
    <row r="2345" spans="1:3" x14ac:dyDescent="0.35">
      <c r="A2345" s="3" t="s">
        <v>1744</v>
      </c>
      <c r="B2345" s="3" t="s">
        <v>621</v>
      </c>
      <c r="C2345" s="284">
        <v>1</v>
      </c>
    </row>
    <row r="2346" spans="1:3" x14ac:dyDescent="0.35">
      <c r="A2346" s="3" t="s">
        <v>1880</v>
      </c>
      <c r="B2346" s="3" t="s">
        <v>621</v>
      </c>
      <c r="C2346" s="284">
        <v>1</v>
      </c>
    </row>
    <row r="2347" spans="1:3" x14ac:dyDescent="0.35">
      <c r="A2347" s="3" t="s">
        <v>1812</v>
      </c>
      <c r="B2347" s="3" t="s">
        <v>621</v>
      </c>
      <c r="C2347" s="284">
        <v>1</v>
      </c>
    </row>
    <row r="2348" spans="1:3" x14ac:dyDescent="0.35">
      <c r="A2348" s="3" t="s">
        <v>1744</v>
      </c>
      <c r="B2348" s="3" t="s">
        <v>1790</v>
      </c>
      <c r="C2348" s="284">
        <v>1</v>
      </c>
    </row>
    <row r="2349" spans="1:3" x14ac:dyDescent="0.35">
      <c r="A2349" s="3" t="s">
        <v>1880</v>
      </c>
      <c r="B2349" s="3" t="s">
        <v>1941</v>
      </c>
      <c r="C2349" s="284">
        <v>1</v>
      </c>
    </row>
    <row r="2350" spans="1:3" x14ac:dyDescent="0.35">
      <c r="A2350" s="3" t="s">
        <v>512</v>
      </c>
      <c r="B2350" s="3" t="s">
        <v>577</v>
      </c>
      <c r="C2350" s="284">
        <v>1</v>
      </c>
    </row>
    <row r="2351" spans="1:3" x14ac:dyDescent="0.35">
      <c r="A2351" s="3" t="s">
        <v>948</v>
      </c>
      <c r="B2351" s="3" t="s">
        <v>1222</v>
      </c>
      <c r="C2351" s="284">
        <v>1</v>
      </c>
    </row>
    <row r="2352" spans="1:3" x14ac:dyDescent="0.35">
      <c r="A2352" s="3" t="s">
        <v>948</v>
      </c>
      <c r="B2352" s="3" t="s">
        <v>1225</v>
      </c>
      <c r="C2352" s="284">
        <v>1</v>
      </c>
    </row>
    <row r="2353" spans="1:3" x14ac:dyDescent="0.35">
      <c r="A2353" s="3" t="s">
        <v>948</v>
      </c>
      <c r="B2353" s="3" t="s">
        <v>1431</v>
      </c>
      <c r="C2353" s="284">
        <v>1</v>
      </c>
    </row>
    <row r="2354" spans="1:3" x14ac:dyDescent="0.35">
      <c r="A2354" s="3" t="s">
        <v>84</v>
      </c>
      <c r="B2354" s="3" t="s">
        <v>118</v>
      </c>
      <c r="C2354" s="284">
        <v>1</v>
      </c>
    </row>
    <row r="2355" spans="1:3" x14ac:dyDescent="0.35">
      <c r="A2355" s="3" t="s">
        <v>631</v>
      </c>
      <c r="B2355" s="3" t="s">
        <v>739</v>
      </c>
      <c r="C2355" s="284">
        <v>1</v>
      </c>
    </row>
    <row r="2356" spans="1:3" x14ac:dyDescent="0.35">
      <c r="A2356" s="3" t="s">
        <v>176</v>
      </c>
      <c r="B2356" s="278" t="s">
        <v>281</v>
      </c>
      <c r="C2356" s="284">
        <v>0.90500000000000003</v>
      </c>
    </row>
    <row r="2357" spans="1:3" x14ac:dyDescent="0.35">
      <c r="A2357" s="3" t="s">
        <v>133</v>
      </c>
      <c r="B2357" s="3" t="s">
        <v>173</v>
      </c>
      <c r="C2357" s="284">
        <v>1</v>
      </c>
    </row>
    <row r="2358" spans="1:3" x14ac:dyDescent="0.35">
      <c r="A2358" s="3" t="s">
        <v>1945</v>
      </c>
      <c r="B2358" s="3" t="s">
        <v>173</v>
      </c>
      <c r="C2358" s="284">
        <v>1</v>
      </c>
    </row>
    <row r="2359" spans="1:3" x14ac:dyDescent="0.35">
      <c r="A2359" s="3" t="s">
        <v>904</v>
      </c>
      <c r="B2359" s="3" t="s">
        <v>947</v>
      </c>
      <c r="C2359" s="284">
        <v>1</v>
      </c>
    </row>
    <row r="2360" spans="1:3" x14ac:dyDescent="0.35">
      <c r="A2360" s="3" t="s">
        <v>751</v>
      </c>
      <c r="B2360" s="3" t="s">
        <v>845</v>
      </c>
      <c r="C2360" s="284">
        <v>1</v>
      </c>
    </row>
    <row r="2361" spans="1:3" x14ac:dyDescent="0.35">
      <c r="A2361" s="3" t="s">
        <v>1812</v>
      </c>
      <c r="B2361" s="3" t="s">
        <v>1858</v>
      </c>
      <c r="C2361" s="284">
        <v>1</v>
      </c>
    </row>
    <row r="2362" spans="1:3" x14ac:dyDescent="0.35">
      <c r="A2362" s="3" t="s">
        <v>751</v>
      </c>
      <c r="B2362" s="278" t="s">
        <v>846</v>
      </c>
      <c r="C2362" s="284">
        <v>1.004</v>
      </c>
    </row>
    <row r="2363" spans="1:3" ht="24" x14ac:dyDescent="0.35">
      <c r="A2363" s="3" t="s">
        <v>2133</v>
      </c>
      <c r="B2363" s="278" t="s">
        <v>2212</v>
      </c>
      <c r="C2363" s="284">
        <v>0.84299999999999997</v>
      </c>
    </row>
    <row r="2364" spans="1:3" x14ac:dyDescent="0.35">
      <c r="A2364" s="3" t="s">
        <v>885</v>
      </c>
      <c r="B2364" s="3" t="s">
        <v>893</v>
      </c>
      <c r="C2364" s="284">
        <v>1</v>
      </c>
    </row>
    <row r="2365" spans="1:3" x14ac:dyDescent="0.35">
      <c r="A2365" s="3" t="s">
        <v>1974</v>
      </c>
      <c r="B2365" s="3" t="s">
        <v>2010</v>
      </c>
      <c r="C2365" s="284">
        <v>1</v>
      </c>
    </row>
    <row r="2366" spans="1:3" x14ac:dyDescent="0.35">
      <c r="A2366" s="3" t="s">
        <v>95</v>
      </c>
      <c r="B2366" s="3" t="s">
        <v>416</v>
      </c>
      <c r="C2366" s="284">
        <v>1</v>
      </c>
    </row>
    <row r="2367" spans="1:3" x14ac:dyDescent="0.35">
      <c r="A2367" s="3" t="s">
        <v>1974</v>
      </c>
      <c r="B2367" s="3" t="s">
        <v>2011</v>
      </c>
      <c r="C2367" s="284">
        <v>1</v>
      </c>
    </row>
    <row r="2368" spans="1:3" x14ac:dyDescent="0.35">
      <c r="A2368" s="3" t="s">
        <v>1515</v>
      </c>
      <c r="B2368" s="3" t="s">
        <v>1697</v>
      </c>
      <c r="C2368" s="284">
        <v>1</v>
      </c>
    </row>
    <row r="2369" spans="1:3" x14ac:dyDescent="0.35">
      <c r="A2369" s="3" t="s">
        <v>133</v>
      </c>
      <c r="B2369" s="3" t="s">
        <v>174</v>
      </c>
      <c r="C2369" s="284">
        <v>1</v>
      </c>
    </row>
    <row r="2370" spans="1:3" ht="24" x14ac:dyDescent="0.35">
      <c r="A2370" s="3" t="s">
        <v>2133</v>
      </c>
      <c r="B2370" s="3" t="s">
        <v>2217</v>
      </c>
      <c r="C2370" s="284">
        <v>1</v>
      </c>
    </row>
    <row r="2371" spans="1:3" x14ac:dyDescent="0.35">
      <c r="A2371" s="3" t="s">
        <v>1974</v>
      </c>
      <c r="B2371" s="3" t="s">
        <v>2013</v>
      </c>
      <c r="C2371" s="284">
        <v>1</v>
      </c>
    </row>
    <row r="2372" spans="1:3" x14ac:dyDescent="0.35">
      <c r="A2372" s="3" t="s">
        <v>1945</v>
      </c>
      <c r="B2372" s="3" t="s">
        <v>1973</v>
      </c>
      <c r="C2372" s="284">
        <v>1</v>
      </c>
    </row>
    <row r="2373" spans="1:3" x14ac:dyDescent="0.35">
      <c r="A2373" s="3" t="s">
        <v>1515</v>
      </c>
      <c r="B2373" s="3" t="s">
        <v>1698</v>
      </c>
      <c r="C2373" s="284">
        <v>1</v>
      </c>
    </row>
    <row r="2374" spans="1:3" x14ac:dyDescent="0.35">
      <c r="A2374" s="3" t="s">
        <v>1515</v>
      </c>
      <c r="B2374" s="3" t="s">
        <v>1699</v>
      </c>
      <c r="C2374" s="284">
        <v>1</v>
      </c>
    </row>
    <row r="2375" spans="1:3" x14ac:dyDescent="0.35">
      <c r="A2375" s="3" t="s">
        <v>1744</v>
      </c>
      <c r="B2375" s="3" t="s">
        <v>1792</v>
      </c>
      <c r="C2375" s="284">
        <v>1</v>
      </c>
    </row>
    <row r="2376" spans="1:3" x14ac:dyDescent="0.35">
      <c r="A2376" s="3" t="s">
        <v>1515</v>
      </c>
      <c r="B2376" s="3" t="s">
        <v>1700</v>
      </c>
      <c r="C2376" s="284">
        <v>1</v>
      </c>
    </row>
    <row r="2377" spans="1:3" x14ac:dyDescent="0.35">
      <c r="A2377" s="3" t="s">
        <v>2029</v>
      </c>
      <c r="B2377" s="3" t="s">
        <v>2129</v>
      </c>
      <c r="C2377" s="284">
        <v>1</v>
      </c>
    </row>
    <row r="2378" spans="1:3" x14ac:dyDescent="0.35">
      <c r="A2378" s="3" t="s">
        <v>1515</v>
      </c>
      <c r="B2378" s="3" t="s">
        <v>1701</v>
      </c>
      <c r="C2378" s="284">
        <v>1</v>
      </c>
    </row>
    <row r="2379" spans="1:3" x14ac:dyDescent="0.35">
      <c r="A2379" s="3" t="s">
        <v>54</v>
      </c>
      <c r="B2379" s="3" t="s">
        <v>506</v>
      </c>
      <c r="C2379" s="284">
        <v>1</v>
      </c>
    </row>
    <row r="2380" spans="1:3" x14ac:dyDescent="0.35">
      <c r="A2380" s="3" t="s">
        <v>54</v>
      </c>
      <c r="B2380" s="3" t="s">
        <v>507</v>
      </c>
      <c r="C2380" s="284">
        <v>1</v>
      </c>
    </row>
    <row r="2381" spans="1:3" x14ac:dyDescent="0.35">
      <c r="A2381" s="3" t="s">
        <v>95</v>
      </c>
      <c r="B2381" s="3" t="s">
        <v>417</v>
      </c>
      <c r="C2381" s="284">
        <v>1</v>
      </c>
    </row>
    <row r="2382" spans="1:3" x14ac:dyDescent="0.35">
      <c r="A2382" s="3" t="s">
        <v>1515</v>
      </c>
      <c r="B2382" s="3" t="s">
        <v>1702</v>
      </c>
      <c r="C2382" s="284">
        <v>1</v>
      </c>
    </row>
    <row r="2383" spans="1:3" x14ac:dyDescent="0.35">
      <c r="A2383" s="3" t="s">
        <v>2323</v>
      </c>
      <c r="B2383" s="3" t="s">
        <v>129</v>
      </c>
      <c r="C2383" s="284">
        <v>1</v>
      </c>
    </row>
    <row r="2384" spans="1:3" x14ac:dyDescent="0.35">
      <c r="A2384" s="3" t="s">
        <v>95</v>
      </c>
      <c r="B2384" s="3" t="s">
        <v>418</v>
      </c>
      <c r="C2384" s="284">
        <v>1</v>
      </c>
    </row>
    <row r="2385" spans="1:3" x14ac:dyDescent="0.35">
      <c r="A2385" s="3" t="s">
        <v>101</v>
      </c>
      <c r="B2385" s="3" t="s">
        <v>880</v>
      </c>
      <c r="C2385" s="284">
        <v>1</v>
      </c>
    </row>
    <row r="2386" spans="1:3" x14ac:dyDescent="0.35">
      <c r="A2386" s="3" t="s">
        <v>1515</v>
      </c>
      <c r="B2386" s="3" t="s">
        <v>1703</v>
      </c>
      <c r="C2386" s="284">
        <v>1</v>
      </c>
    </row>
    <row r="2387" spans="1:3" x14ac:dyDescent="0.35">
      <c r="A2387" s="3" t="s">
        <v>1515</v>
      </c>
      <c r="B2387" s="3" t="s">
        <v>1704</v>
      </c>
      <c r="C2387" s="284">
        <v>1</v>
      </c>
    </row>
    <row r="2388" spans="1:3" x14ac:dyDescent="0.35">
      <c r="A2388" s="3" t="s">
        <v>631</v>
      </c>
      <c r="B2388" s="3" t="s">
        <v>740</v>
      </c>
      <c r="C2388" s="284">
        <v>1</v>
      </c>
    </row>
    <row r="2389" spans="1:3" ht="24" x14ac:dyDescent="0.35">
      <c r="A2389" s="3" t="s">
        <v>2133</v>
      </c>
      <c r="B2389" s="3" t="s">
        <v>2307</v>
      </c>
      <c r="C2389" s="284">
        <v>1</v>
      </c>
    </row>
    <row r="2390" spans="1:3" x14ac:dyDescent="0.35">
      <c r="A2390" s="3" t="s">
        <v>54</v>
      </c>
      <c r="B2390" s="3" t="s">
        <v>508</v>
      </c>
      <c r="C2390" s="284">
        <v>1</v>
      </c>
    </row>
    <row r="2391" spans="1:3" x14ac:dyDescent="0.35">
      <c r="A2391" s="3" t="s">
        <v>512</v>
      </c>
      <c r="B2391" s="3" t="s">
        <v>623</v>
      </c>
      <c r="C2391" s="284">
        <v>1</v>
      </c>
    </row>
    <row r="2392" spans="1:3" x14ac:dyDescent="0.35">
      <c r="A2392" s="3" t="s">
        <v>176</v>
      </c>
      <c r="B2392" s="3" t="s">
        <v>282</v>
      </c>
      <c r="C2392" s="284">
        <v>1</v>
      </c>
    </row>
    <row r="2393" spans="1:3" ht="24" x14ac:dyDescent="0.35">
      <c r="A2393" s="3" t="s">
        <v>2133</v>
      </c>
      <c r="B2393" s="3" t="s">
        <v>2308</v>
      </c>
      <c r="C2393" s="284">
        <v>1</v>
      </c>
    </row>
    <row r="2394" spans="1:3" x14ac:dyDescent="0.35">
      <c r="A2394" s="3" t="s">
        <v>1515</v>
      </c>
      <c r="B2394" s="3" t="s">
        <v>1705</v>
      </c>
      <c r="C2394" s="284">
        <v>1</v>
      </c>
    </row>
    <row r="2395" spans="1:3" x14ac:dyDescent="0.35">
      <c r="A2395" s="3" t="s">
        <v>1974</v>
      </c>
      <c r="B2395" s="3" t="s">
        <v>2014</v>
      </c>
      <c r="C2395" s="284">
        <v>1</v>
      </c>
    </row>
    <row r="2396" spans="1:3" x14ac:dyDescent="0.35">
      <c r="A2396" s="3" t="s">
        <v>101</v>
      </c>
      <c r="B2396" s="3" t="s">
        <v>881</v>
      </c>
      <c r="C2396" s="284">
        <v>0.88700000000000001</v>
      </c>
    </row>
    <row r="2397" spans="1:3" x14ac:dyDescent="0.35">
      <c r="A2397" s="3" t="s">
        <v>2029</v>
      </c>
      <c r="B2397" s="3" t="s">
        <v>2130</v>
      </c>
      <c r="C2397" s="284">
        <v>1</v>
      </c>
    </row>
    <row r="2398" spans="1:3" x14ac:dyDescent="0.35">
      <c r="A2398" s="3" t="s">
        <v>948</v>
      </c>
      <c r="B2398" s="3" t="s">
        <v>1506</v>
      </c>
      <c r="C2398" s="284">
        <v>1</v>
      </c>
    </row>
    <row r="2399" spans="1:3" x14ac:dyDescent="0.35">
      <c r="A2399" s="3" t="s">
        <v>2029</v>
      </c>
      <c r="B2399" s="3" t="s">
        <v>2131</v>
      </c>
      <c r="C2399" s="284">
        <v>1</v>
      </c>
    </row>
    <row r="2400" spans="1:3" x14ac:dyDescent="0.35">
      <c r="A2400" s="3" t="s">
        <v>101</v>
      </c>
      <c r="B2400" s="3" t="s">
        <v>882</v>
      </c>
      <c r="C2400" s="284">
        <v>1</v>
      </c>
    </row>
    <row r="2401" spans="1:3" x14ac:dyDescent="0.35">
      <c r="A2401" s="3" t="s">
        <v>1880</v>
      </c>
      <c r="B2401" s="3" t="s">
        <v>1942</v>
      </c>
      <c r="C2401" s="284">
        <v>1</v>
      </c>
    </row>
    <row r="2402" spans="1:3" ht="24" x14ac:dyDescent="0.35">
      <c r="A2402" s="3" t="s">
        <v>2133</v>
      </c>
      <c r="B2402" s="3" t="s">
        <v>2309</v>
      </c>
      <c r="C2402" s="284">
        <v>1</v>
      </c>
    </row>
    <row r="2403" spans="1:3" x14ac:dyDescent="0.35">
      <c r="A2403" s="3" t="s">
        <v>1515</v>
      </c>
      <c r="B2403" s="3" t="s">
        <v>1706</v>
      </c>
      <c r="C2403" s="284">
        <v>1</v>
      </c>
    </row>
    <row r="2404" spans="1:3" x14ac:dyDescent="0.35">
      <c r="A2404" s="3" t="s">
        <v>2029</v>
      </c>
      <c r="B2404" s="3" t="s">
        <v>2132</v>
      </c>
      <c r="C2404" s="284">
        <v>1</v>
      </c>
    </row>
    <row r="2405" spans="1:3" x14ac:dyDescent="0.35">
      <c r="A2405" s="3" t="s">
        <v>948</v>
      </c>
      <c r="B2405" s="3" t="s">
        <v>1508</v>
      </c>
      <c r="C2405" s="284">
        <v>1</v>
      </c>
    </row>
    <row r="2406" spans="1:3" x14ac:dyDescent="0.35">
      <c r="A2406" s="3" t="s">
        <v>751</v>
      </c>
      <c r="B2406" s="3" t="s">
        <v>847</v>
      </c>
      <c r="C2406" s="284">
        <v>1</v>
      </c>
    </row>
    <row r="2407" spans="1:3" x14ac:dyDescent="0.35">
      <c r="A2407" s="3" t="s">
        <v>133</v>
      </c>
      <c r="B2407" s="3" t="s">
        <v>175</v>
      </c>
      <c r="C2407" s="284">
        <v>1</v>
      </c>
    </row>
    <row r="2408" spans="1:3" x14ac:dyDescent="0.35">
      <c r="A2408" s="3" t="s">
        <v>948</v>
      </c>
      <c r="B2408" s="3" t="s">
        <v>1509</v>
      </c>
      <c r="C2408" s="284">
        <v>1</v>
      </c>
    </row>
    <row r="2409" spans="1:3" x14ac:dyDescent="0.35">
      <c r="A2409" s="3" t="s">
        <v>1515</v>
      </c>
      <c r="B2409" s="3" t="s">
        <v>1707</v>
      </c>
      <c r="C2409" s="284">
        <v>1</v>
      </c>
    </row>
    <row r="2410" spans="1:3" x14ac:dyDescent="0.35">
      <c r="A2410" s="3" t="s">
        <v>1515</v>
      </c>
      <c r="B2410" s="3" t="s">
        <v>1708</v>
      </c>
      <c r="C2410" s="284">
        <v>1</v>
      </c>
    </row>
    <row r="2411" spans="1:3" x14ac:dyDescent="0.35">
      <c r="A2411" s="3" t="s">
        <v>751</v>
      </c>
      <c r="B2411" s="3" t="s">
        <v>848</v>
      </c>
      <c r="C2411" s="284">
        <v>1</v>
      </c>
    </row>
    <row r="2412" spans="1:3" x14ac:dyDescent="0.35">
      <c r="A2412" s="3" t="s">
        <v>1812</v>
      </c>
      <c r="B2412" s="3" t="s">
        <v>1812</v>
      </c>
      <c r="C2412" s="284">
        <v>0.95399999999999996</v>
      </c>
    </row>
    <row r="2413" spans="1:3" x14ac:dyDescent="0.35">
      <c r="A2413" s="3" t="s">
        <v>1974</v>
      </c>
      <c r="B2413" s="3" t="s">
        <v>2015</v>
      </c>
      <c r="C2413" s="284">
        <v>1</v>
      </c>
    </row>
    <row r="2414" spans="1:3" x14ac:dyDescent="0.35">
      <c r="A2414" s="3" t="s">
        <v>101</v>
      </c>
      <c r="B2414" s="3" t="s">
        <v>883</v>
      </c>
      <c r="C2414" s="284">
        <v>1</v>
      </c>
    </row>
    <row r="2415" spans="1:3" x14ac:dyDescent="0.35">
      <c r="A2415" s="3" t="s">
        <v>1515</v>
      </c>
      <c r="B2415" s="3" t="s">
        <v>1709</v>
      </c>
      <c r="C2415" s="284">
        <v>1</v>
      </c>
    </row>
    <row r="2416" spans="1:3" x14ac:dyDescent="0.35">
      <c r="A2416" s="3" t="s">
        <v>631</v>
      </c>
      <c r="B2416" s="3" t="s">
        <v>741</v>
      </c>
      <c r="C2416" s="284">
        <v>1</v>
      </c>
    </row>
    <row r="2417" spans="1:3" x14ac:dyDescent="0.35">
      <c r="A2417" s="3" t="s">
        <v>512</v>
      </c>
      <c r="B2417" s="3" t="s">
        <v>624</v>
      </c>
      <c r="C2417" s="284">
        <v>1</v>
      </c>
    </row>
    <row r="2418" spans="1:3" x14ac:dyDescent="0.35">
      <c r="A2418" s="3" t="s">
        <v>631</v>
      </c>
      <c r="B2418" s="3" t="s">
        <v>742</v>
      </c>
      <c r="C2418" s="284">
        <v>1</v>
      </c>
    </row>
    <row r="2419" spans="1:3" x14ac:dyDescent="0.35">
      <c r="A2419" s="3" t="s">
        <v>101</v>
      </c>
      <c r="B2419" s="3" t="s">
        <v>742</v>
      </c>
      <c r="C2419" s="284">
        <v>1</v>
      </c>
    </row>
    <row r="2420" spans="1:3" ht="24" x14ac:dyDescent="0.35">
      <c r="A2420" s="3" t="s">
        <v>2133</v>
      </c>
      <c r="B2420" s="3" t="s">
        <v>742</v>
      </c>
      <c r="C2420" s="284">
        <v>1</v>
      </c>
    </row>
    <row r="2421" spans="1:3" x14ac:dyDescent="0.35">
      <c r="A2421" s="3" t="s">
        <v>54</v>
      </c>
      <c r="B2421" s="3" t="s">
        <v>2328</v>
      </c>
      <c r="C2421" s="284">
        <v>1</v>
      </c>
    </row>
    <row r="2422" spans="1:3" x14ac:dyDescent="0.35">
      <c r="A2422" s="3" t="s">
        <v>751</v>
      </c>
      <c r="B2422" s="3" t="s">
        <v>849</v>
      </c>
      <c r="C2422" s="284">
        <v>0.93600000000000005</v>
      </c>
    </row>
    <row r="2423" spans="1:3" x14ac:dyDescent="0.35">
      <c r="A2423" s="3" t="s">
        <v>512</v>
      </c>
      <c r="B2423" s="3" t="s">
        <v>625</v>
      </c>
      <c r="C2423" s="284">
        <v>1</v>
      </c>
    </row>
    <row r="2424" spans="1:3" x14ac:dyDescent="0.35">
      <c r="A2424" s="3" t="s">
        <v>512</v>
      </c>
      <c r="B2424" s="3" t="s">
        <v>626</v>
      </c>
      <c r="C2424" s="284">
        <v>1</v>
      </c>
    </row>
    <row r="2425" spans="1:3" x14ac:dyDescent="0.35">
      <c r="A2425" s="3" t="s">
        <v>1515</v>
      </c>
      <c r="B2425" s="3" t="s">
        <v>1710</v>
      </c>
      <c r="C2425" s="284">
        <v>1</v>
      </c>
    </row>
    <row r="2426" spans="1:3" x14ac:dyDescent="0.35">
      <c r="A2426" s="3" t="s">
        <v>1515</v>
      </c>
      <c r="B2426" s="3" t="s">
        <v>1711</v>
      </c>
      <c r="C2426" s="284">
        <v>1</v>
      </c>
    </row>
    <row r="2427" spans="1:3" x14ac:dyDescent="0.35">
      <c r="A2427" s="3" t="s">
        <v>512</v>
      </c>
      <c r="B2427" s="3" t="s">
        <v>627</v>
      </c>
      <c r="C2427" s="284">
        <v>1</v>
      </c>
    </row>
    <row r="2428" spans="1:3" x14ac:dyDescent="0.35">
      <c r="A2428" s="3" t="s">
        <v>948</v>
      </c>
      <c r="B2428" s="3" t="s">
        <v>1512</v>
      </c>
      <c r="C2428" s="284">
        <v>1</v>
      </c>
    </row>
    <row r="2429" spans="1:3" x14ac:dyDescent="0.35">
      <c r="A2429" s="3" t="s">
        <v>948</v>
      </c>
      <c r="B2429" s="3" t="s">
        <v>1513</v>
      </c>
      <c r="C2429" s="284">
        <v>1</v>
      </c>
    </row>
    <row r="2430" spans="1:3" x14ac:dyDescent="0.35">
      <c r="A2430" s="3" t="s">
        <v>95</v>
      </c>
      <c r="B2430" s="3" t="s">
        <v>419</v>
      </c>
      <c r="C2430" s="284">
        <v>1</v>
      </c>
    </row>
    <row r="2431" spans="1:3" x14ac:dyDescent="0.35">
      <c r="A2431" s="3" t="s">
        <v>54</v>
      </c>
      <c r="B2431" s="3" t="s">
        <v>509</v>
      </c>
      <c r="C2431" s="284">
        <v>1</v>
      </c>
    </row>
    <row r="2432" spans="1:3" x14ac:dyDescent="0.35">
      <c r="A2432" s="3" t="s">
        <v>512</v>
      </c>
      <c r="B2432" s="3" t="s">
        <v>628</v>
      </c>
      <c r="C2432" s="284">
        <v>1</v>
      </c>
    </row>
    <row r="2433" spans="1:3" x14ac:dyDescent="0.35">
      <c r="A2433" s="3" t="s">
        <v>512</v>
      </c>
      <c r="B2433" s="3" t="s">
        <v>534</v>
      </c>
      <c r="C2433" s="284">
        <v>1</v>
      </c>
    </row>
    <row r="2434" spans="1:3" x14ac:dyDescent="0.35">
      <c r="A2434" s="3" t="s">
        <v>512</v>
      </c>
      <c r="B2434" s="3" t="s">
        <v>629</v>
      </c>
      <c r="C2434" s="284">
        <v>1</v>
      </c>
    </row>
    <row r="2435" spans="1:3" x14ac:dyDescent="0.35">
      <c r="A2435" s="3" t="s">
        <v>84</v>
      </c>
      <c r="B2435" s="278" t="s">
        <v>119</v>
      </c>
      <c r="C2435" s="284">
        <v>1.0529999999999999</v>
      </c>
    </row>
    <row r="2436" spans="1:3" x14ac:dyDescent="0.35">
      <c r="A2436" s="3" t="s">
        <v>1515</v>
      </c>
      <c r="B2436" s="3" t="s">
        <v>119</v>
      </c>
      <c r="C2436" s="284">
        <v>1</v>
      </c>
    </row>
    <row r="2437" spans="1:3" x14ac:dyDescent="0.35">
      <c r="A2437" s="3" t="s">
        <v>1744</v>
      </c>
      <c r="B2437" s="3" t="s">
        <v>119</v>
      </c>
      <c r="C2437" s="284">
        <v>1</v>
      </c>
    </row>
    <row r="2438" spans="1:3" ht="24" x14ac:dyDescent="0.35">
      <c r="A2438" s="3" t="s">
        <v>2133</v>
      </c>
      <c r="B2438" s="3" t="s">
        <v>119</v>
      </c>
      <c r="C2438" s="284">
        <v>1</v>
      </c>
    </row>
    <row r="2439" spans="1:3" x14ac:dyDescent="0.35">
      <c r="A2439" s="3" t="s">
        <v>1515</v>
      </c>
      <c r="B2439" s="3" t="s">
        <v>1712</v>
      </c>
      <c r="C2439" s="284">
        <v>1</v>
      </c>
    </row>
    <row r="2440" spans="1:3" x14ac:dyDescent="0.35">
      <c r="A2440" s="3" t="s">
        <v>54</v>
      </c>
      <c r="B2440" s="3" t="s">
        <v>510</v>
      </c>
      <c r="C2440" s="284">
        <v>1</v>
      </c>
    </row>
    <row r="2441" spans="1:3" ht="24" x14ac:dyDescent="0.35">
      <c r="A2441" s="3" t="s">
        <v>2133</v>
      </c>
      <c r="B2441" s="3" t="s">
        <v>2310</v>
      </c>
      <c r="C2441" s="284">
        <v>1</v>
      </c>
    </row>
    <row r="2442" spans="1:3" x14ac:dyDescent="0.35">
      <c r="A2442" s="3" t="s">
        <v>95</v>
      </c>
      <c r="B2442" s="3" t="s">
        <v>385</v>
      </c>
      <c r="C2442" s="284">
        <v>1</v>
      </c>
    </row>
    <row r="2443" spans="1:3" x14ac:dyDescent="0.35">
      <c r="A2443" s="3" t="s">
        <v>1515</v>
      </c>
      <c r="B2443" s="3" t="s">
        <v>1713</v>
      </c>
      <c r="C2443" s="284">
        <v>1</v>
      </c>
    </row>
    <row r="2444" spans="1:3" x14ac:dyDescent="0.35">
      <c r="A2444" s="3" t="s">
        <v>1974</v>
      </c>
      <c r="B2444" s="3" t="s">
        <v>2008</v>
      </c>
      <c r="C2444" s="284">
        <v>1</v>
      </c>
    </row>
    <row r="2445" spans="1:3" x14ac:dyDescent="0.35">
      <c r="A2445" s="3" t="s">
        <v>54</v>
      </c>
      <c r="B2445" s="3" t="s">
        <v>511</v>
      </c>
      <c r="C2445" s="284">
        <v>1</v>
      </c>
    </row>
    <row r="2446" spans="1:3" x14ac:dyDescent="0.35">
      <c r="A2446" s="3" t="s">
        <v>948</v>
      </c>
      <c r="B2446" s="3" t="s">
        <v>2331</v>
      </c>
      <c r="C2446" s="284">
        <v>1</v>
      </c>
    </row>
    <row r="2447" spans="1:3" x14ac:dyDescent="0.35">
      <c r="A2447" s="3" t="s">
        <v>176</v>
      </c>
      <c r="B2447" s="3" t="s">
        <v>284</v>
      </c>
      <c r="C2447" s="284">
        <v>1</v>
      </c>
    </row>
    <row r="2448" spans="1:3" x14ac:dyDescent="0.35">
      <c r="A2448" s="3" t="s">
        <v>631</v>
      </c>
      <c r="B2448" s="3" t="s">
        <v>743</v>
      </c>
      <c r="C2448" s="284">
        <v>1</v>
      </c>
    </row>
    <row r="2449" spans="1:3" x14ac:dyDescent="0.35">
      <c r="A2449" s="3" t="s">
        <v>1515</v>
      </c>
      <c r="B2449" s="3" t="s">
        <v>1714</v>
      </c>
      <c r="C2449" s="284">
        <v>1</v>
      </c>
    </row>
    <row r="2450" spans="1:3" x14ac:dyDescent="0.35">
      <c r="A2450" s="3" t="s">
        <v>751</v>
      </c>
      <c r="B2450" s="3" t="s">
        <v>850</v>
      </c>
      <c r="C2450" s="284">
        <v>1</v>
      </c>
    </row>
    <row r="2451" spans="1:3" x14ac:dyDescent="0.35">
      <c r="A2451" s="3" t="s">
        <v>751</v>
      </c>
      <c r="B2451" s="3" t="s">
        <v>851</v>
      </c>
      <c r="C2451" s="284">
        <v>1</v>
      </c>
    </row>
    <row r="2452" spans="1:3" x14ac:dyDescent="0.35">
      <c r="A2452" s="3" t="s">
        <v>751</v>
      </c>
      <c r="B2452" s="3" t="s">
        <v>852</v>
      </c>
      <c r="C2452" s="284">
        <v>1</v>
      </c>
    </row>
    <row r="2453" spans="1:3" x14ac:dyDescent="0.35">
      <c r="A2453" s="3" t="s">
        <v>95</v>
      </c>
      <c r="B2453" s="3" t="s">
        <v>420</v>
      </c>
      <c r="C2453" s="284">
        <v>1</v>
      </c>
    </row>
    <row r="2454" spans="1:3" x14ac:dyDescent="0.35">
      <c r="A2454" s="3" t="s">
        <v>751</v>
      </c>
      <c r="B2454" s="3" t="s">
        <v>853</v>
      </c>
      <c r="C2454" s="284">
        <v>1</v>
      </c>
    </row>
    <row r="2455" spans="1:3" x14ac:dyDescent="0.35">
      <c r="A2455" s="3" t="s">
        <v>95</v>
      </c>
      <c r="B2455" s="3" t="s">
        <v>421</v>
      </c>
      <c r="C2455" s="284">
        <v>1</v>
      </c>
    </row>
    <row r="2456" spans="1:3" ht="24" x14ac:dyDescent="0.35">
      <c r="A2456" s="3" t="s">
        <v>2133</v>
      </c>
      <c r="B2456" s="3" t="s">
        <v>2311</v>
      </c>
      <c r="C2456" s="284">
        <v>1</v>
      </c>
    </row>
    <row r="2457" spans="1:3" x14ac:dyDescent="0.35">
      <c r="A2457" s="3" t="s">
        <v>1515</v>
      </c>
      <c r="B2457" s="3" t="s">
        <v>1715</v>
      </c>
      <c r="C2457" s="284">
        <v>1</v>
      </c>
    </row>
    <row r="2458" spans="1:3" ht="24" x14ac:dyDescent="0.35">
      <c r="A2458" s="3" t="s">
        <v>2133</v>
      </c>
      <c r="B2458" s="3" t="s">
        <v>2312</v>
      </c>
      <c r="C2458" s="284">
        <v>1</v>
      </c>
    </row>
    <row r="2459" spans="1:3" x14ac:dyDescent="0.35">
      <c r="A2459" s="3" t="s">
        <v>1515</v>
      </c>
      <c r="B2459" s="3" t="s">
        <v>1716</v>
      </c>
      <c r="C2459" s="284">
        <v>1</v>
      </c>
    </row>
    <row r="2460" spans="1:3" x14ac:dyDescent="0.35">
      <c r="A2460" s="3" t="s">
        <v>1515</v>
      </c>
      <c r="B2460" s="3" t="s">
        <v>1717</v>
      </c>
      <c r="C2460" s="284">
        <v>1</v>
      </c>
    </row>
    <row r="2461" spans="1:3" ht="24" x14ac:dyDescent="0.35">
      <c r="A2461" s="3" t="s">
        <v>2133</v>
      </c>
      <c r="B2461" s="3" t="s">
        <v>2313</v>
      </c>
      <c r="C2461" s="284">
        <v>1</v>
      </c>
    </row>
    <row r="2462" spans="1:3" x14ac:dyDescent="0.35">
      <c r="A2462" s="3" t="s">
        <v>631</v>
      </c>
      <c r="B2462" s="3" t="s">
        <v>744</v>
      </c>
      <c r="C2462" s="284">
        <v>1</v>
      </c>
    </row>
    <row r="2463" spans="1:3" x14ac:dyDescent="0.35">
      <c r="A2463" s="3" t="s">
        <v>631</v>
      </c>
      <c r="B2463" s="3" t="s">
        <v>745</v>
      </c>
      <c r="C2463" s="284">
        <v>1</v>
      </c>
    </row>
    <row r="2464" spans="1:3" x14ac:dyDescent="0.35">
      <c r="A2464" s="3" t="s">
        <v>133</v>
      </c>
      <c r="B2464" s="3" t="s">
        <v>86</v>
      </c>
      <c r="C2464" s="284">
        <v>0.95899999999999996</v>
      </c>
    </row>
    <row r="2465" spans="1:3" x14ac:dyDescent="0.35">
      <c r="A2465" s="3" t="s">
        <v>1515</v>
      </c>
      <c r="B2465" s="3" t="s">
        <v>2729</v>
      </c>
      <c r="C2465" s="284">
        <v>0.85499999999999998</v>
      </c>
    </row>
    <row r="2466" spans="1:3" x14ac:dyDescent="0.35">
      <c r="A2466" s="3" t="s">
        <v>512</v>
      </c>
      <c r="B2466" s="3" t="s">
        <v>2730</v>
      </c>
      <c r="C2466" s="284">
        <v>0.82799999999999996</v>
      </c>
    </row>
    <row r="2467" spans="1:3" x14ac:dyDescent="0.35">
      <c r="A2467" s="3" t="s">
        <v>1796</v>
      </c>
      <c r="B2467" s="3" t="s">
        <v>93</v>
      </c>
      <c r="C2467" s="284">
        <v>1.024</v>
      </c>
    </row>
    <row r="2468" spans="1:3" x14ac:dyDescent="0.35">
      <c r="A2468" s="3" t="s">
        <v>948</v>
      </c>
      <c r="B2468" s="3" t="s">
        <v>2731</v>
      </c>
      <c r="C2468" s="284">
        <v>1.0529999999999999</v>
      </c>
    </row>
    <row r="2469" spans="1:3" x14ac:dyDescent="0.35">
      <c r="A2469" s="3" t="s">
        <v>1945</v>
      </c>
      <c r="B2469" s="3" t="s">
        <v>2732</v>
      </c>
      <c r="C2469" s="284">
        <v>1.0029999999999999</v>
      </c>
    </row>
    <row r="2470" spans="1:3" ht="24" x14ac:dyDescent="0.35">
      <c r="A2470" s="3" t="s">
        <v>2133</v>
      </c>
      <c r="B2470" s="3" t="s">
        <v>2733</v>
      </c>
      <c r="C2470" s="284">
        <v>0.89600000000000002</v>
      </c>
    </row>
    <row r="2471" spans="1:3" x14ac:dyDescent="0.35">
      <c r="A2471" s="3" t="s">
        <v>84</v>
      </c>
      <c r="B2471" s="3" t="s">
        <v>2734</v>
      </c>
      <c r="C2471" s="284">
        <v>1.012</v>
      </c>
    </row>
    <row r="2472" spans="1:3" x14ac:dyDescent="0.35">
      <c r="A2472" s="3" t="s">
        <v>293</v>
      </c>
      <c r="B2472" s="3" t="s">
        <v>2735</v>
      </c>
      <c r="C2472" s="284">
        <v>0.97</v>
      </c>
    </row>
    <row r="2473" spans="1:3" x14ac:dyDescent="0.35">
      <c r="A2473" s="3" t="s">
        <v>54</v>
      </c>
      <c r="B2473" s="3" t="s">
        <v>109</v>
      </c>
      <c r="C2473" s="284">
        <v>0.89600000000000002</v>
      </c>
    </row>
    <row r="2474" spans="1:3" x14ac:dyDescent="0.35">
      <c r="A2474" s="3" t="s">
        <v>19</v>
      </c>
      <c r="B2474" s="3" t="s">
        <v>2736</v>
      </c>
      <c r="C2474" s="284">
        <v>1.3540000000000001</v>
      </c>
    </row>
    <row r="2475" spans="1:3" x14ac:dyDescent="0.35">
      <c r="A2475" s="3" t="s">
        <v>1515</v>
      </c>
      <c r="B2475" s="3" t="s">
        <v>2737</v>
      </c>
      <c r="C2475" s="284">
        <v>0.84599999999999997</v>
      </c>
    </row>
    <row r="2476" spans="1:3" x14ac:dyDescent="0.35">
      <c r="A2476" s="3" t="s">
        <v>948</v>
      </c>
      <c r="B2476" s="3" t="s">
        <v>2738</v>
      </c>
      <c r="C2476" s="284">
        <v>0.83399999999999996</v>
      </c>
    </row>
    <row r="2477" spans="1:3" x14ac:dyDescent="0.35">
      <c r="A2477" s="3" t="s">
        <v>948</v>
      </c>
      <c r="B2477" s="3" t="s">
        <v>2739</v>
      </c>
      <c r="C2477" s="284">
        <v>0.90800000000000003</v>
      </c>
    </row>
    <row r="2478" spans="1:3" x14ac:dyDescent="0.35">
      <c r="A2478" s="3" t="s">
        <v>176</v>
      </c>
      <c r="B2478" s="3" t="s">
        <v>172</v>
      </c>
      <c r="C2478" s="284">
        <v>0.98799999999999999</v>
      </c>
    </row>
  </sheetData>
  <sortState xmlns:xlrd2="http://schemas.microsoft.com/office/spreadsheetml/2017/richdata2" ref="A3:C2463">
    <sortCondition descending="1" ref="C2"/>
  </sortState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D8C474-E5D4-4C79-AA39-FE8226D791CC}">
  <sheetPr codeName="Filtro_Edo_Mpios"/>
  <dimension ref="A1:K2463"/>
  <sheetViews>
    <sheetView showGridLines="0" workbookViewId="0">
      <pane ySplit="1" topLeftCell="A2" activePane="bottomLeft" state="frozen"/>
      <selection pane="bottomLeft" activeCell="J2" sqref="J2:K2"/>
    </sheetView>
  </sheetViews>
  <sheetFormatPr baseColWidth="10" defaultRowHeight="13" customHeight="1" x14ac:dyDescent="0.35"/>
  <cols>
    <col min="1" max="1" width="21.6328125" style="1" bestFit="1" customWidth="1"/>
    <col min="2" max="2" width="2.90625" customWidth="1"/>
    <col min="3" max="4" width="30.81640625" style="1" customWidth="1"/>
    <col min="5" max="5" width="4.08984375" style="1" bestFit="1" customWidth="1"/>
    <col min="6" max="7" width="2.90625" customWidth="1"/>
    <col min="8" max="8" width="17" customWidth="1"/>
    <col min="9" max="9" width="2.90625" customWidth="1"/>
    <col min="10" max="10" width="21.54296875" customWidth="1"/>
  </cols>
  <sheetData>
    <row r="1" spans="1:11" ht="13" customHeight="1" x14ac:dyDescent="0.35">
      <c r="A1" s="2" t="s">
        <v>0</v>
      </c>
      <c r="C1" s="2" t="s">
        <v>0</v>
      </c>
      <c r="D1" s="2" t="s">
        <v>1</v>
      </c>
      <c r="E1" s="2" t="s">
        <v>2367</v>
      </c>
      <c r="H1" s="2" t="s">
        <v>1</v>
      </c>
      <c r="J1" s="2" t="s">
        <v>1</v>
      </c>
      <c r="K1" s="2" t="s">
        <v>2367</v>
      </c>
    </row>
    <row r="2" spans="1:11" ht="13" customHeight="1" x14ac:dyDescent="0.35">
      <c r="A2" s="3" t="s">
        <v>2133</v>
      </c>
      <c r="C2" s="3" t="s">
        <v>2133</v>
      </c>
      <c r="D2" s="3" t="s">
        <v>1516</v>
      </c>
      <c r="E2" s="284">
        <v>1</v>
      </c>
      <c r="H2" s="3" t="s">
        <v>2747</v>
      </c>
      <c r="J2" s="278"/>
      <c r="K2" s="284"/>
    </row>
    <row r="3" spans="1:11" ht="13" customHeight="1" x14ac:dyDescent="0.35">
      <c r="A3" s="3"/>
      <c r="C3" s="3" t="s">
        <v>2133</v>
      </c>
      <c r="D3" s="3" t="s">
        <v>430</v>
      </c>
      <c r="E3" s="284">
        <v>1</v>
      </c>
      <c r="J3" s="3"/>
      <c r="K3" s="3"/>
    </row>
    <row r="4" spans="1:11" ht="13" customHeight="1" x14ac:dyDescent="0.35">
      <c r="A4" s="3"/>
      <c r="C4" s="3" t="s">
        <v>2133</v>
      </c>
      <c r="D4" s="3" t="s">
        <v>2134</v>
      </c>
      <c r="E4" s="284">
        <v>1</v>
      </c>
      <c r="J4" s="3"/>
      <c r="K4" s="3"/>
    </row>
    <row r="5" spans="1:11" ht="13" customHeight="1" x14ac:dyDescent="0.35">
      <c r="A5" s="3"/>
      <c r="C5" s="3" t="s">
        <v>2133</v>
      </c>
      <c r="D5" s="3" t="s">
        <v>432</v>
      </c>
      <c r="E5" s="284">
        <v>1</v>
      </c>
      <c r="J5" s="3"/>
      <c r="K5" s="3"/>
    </row>
    <row r="6" spans="1:11" ht="13" customHeight="1" x14ac:dyDescent="0.35">
      <c r="A6" s="3"/>
      <c r="C6" s="3" t="s">
        <v>2133</v>
      </c>
      <c r="D6" s="3" t="s">
        <v>2135</v>
      </c>
      <c r="E6" s="284">
        <v>1</v>
      </c>
      <c r="J6" s="3"/>
      <c r="K6" s="3"/>
    </row>
    <row r="7" spans="1:11" ht="13" customHeight="1" x14ac:dyDescent="0.35">
      <c r="A7" s="3"/>
      <c r="C7" s="3" t="s">
        <v>2133</v>
      </c>
      <c r="D7" s="3" t="s">
        <v>2136</v>
      </c>
      <c r="E7" s="284">
        <v>1</v>
      </c>
      <c r="J7" s="3"/>
      <c r="K7" s="3"/>
    </row>
    <row r="8" spans="1:11" ht="13" customHeight="1" x14ac:dyDescent="0.35">
      <c r="A8" s="3"/>
      <c r="C8" s="3" t="s">
        <v>2133</v>
      </c>
      <c r="D8" s="3" t="s">
        <v>2314</v>
      </c>
      <c r="E8" s="284">
        <v>1</v>
      </c>
      <c r="J8" s="3"/>
      <c r="K8" s="3"/>
    </row>
    <row r="9" spans="1:11" ht="13" customHeight="1" x14ac:dyDescent="0.35">
      <c r="A9" s="3"/>
      <c r="C9" s="3" t="s">
        <v>2133</v>
      </c>
      <c r="D9" s="3" t="s">
        <v>2333</v>
      </c>
      <c r="E9" s="284">
        <v>1</v>
      </c>
      <c r="J9" s="3"/>
      <c r="K9" s="3"/>
    </row>
    <row r="10" spans="1:11" ht="13" customHeight="1" x14ac:dyDescent="0.35">
      <c r="A10" s="3"/>
      <c r="C10" s="3" t="s">
        <v>2133</v>
      </c>
      <c r="D10" s="3" t="s">
        <v>2138</v>
      </c>
      <c r="E10" s="284">
        <v>1</v>
      </c>
      <c r="J10" s="3"/>
      <c r="K10" s="3"/>
    </row>
    <row r="11" spans="1:11" ht="13" customHeight="1" x14ac:dyDescent="0.35">
      <c r="A11" s="3"/>
      <c r="C11" s="3" t="s">
        <v>2133</v>
      </c>
      <c r="D11" s="3" t="s">
        <v>2139</v>
      </c>
      <c r="E11" s="284">
        <v>1</v>
      </c>
      <c r="J11" s="3"/>
      <c r="K11" s="3"/>
    </row>
    <row r="12" spans="1:11" ht="13" customHeight="1" x14ac:dyDescent="0.35">
      <c r="A12" s="3"/>
      <c r="C12" s="3" t="s">
        <v>2133</v>
      </c>
      <c r="D12" s="3" t="s">
        <v>2140</v>
      </c>
      <c r="E12" s="284">
        <v>1</v>
      </c>
      <c r="J12" s="3"/>
      <c r="K12" s="3"/>
    </row>
    <row r="13" spans="1:11" ht="13" customHeight="1" x14ac:dyDescent="0.35">
      <c r="A13" s="3"/>
      <c r="C13" s="3" t="s">
        <v>2133</v>
      </c>
      <c r="D13" s="3" t="s">
        <v>2141</v>
      </c>
      <c r="E13" s="284">
        <v>1</v>
      </c>
      <c r="J13" s="3"/>
      <c r="K13" s="3"/>
    </row>
    <row r="14" spans="1:11" ht="13" customHeight="1" x14ac:dyDescent="0.35">
      <c r="A14" s="3"/>
      <c r="C14" s="3" t="s">
        <v>2133</v>
      </c>
      <c r="D14" s="3" t="s">
        <v>2142</v>
      </c>
      <c r="E14" s="284">
        <v>1</v>
      </c>
      <c r="J14" s="3"/>
      <c r="K14" s="3"/>
    </row>
    <row r="15" spans="1:11" ht="13" customHeight="1" x14ac:dyDescent="0.35">
      <c r="A15" s="3"/>
      <c r="C15" s="3" t="s">
        <v>2133</v>
      </c>
      <c r="D15" s="3" t="s">
        <v>2144</v>
      </c>
      <c r="E15" s="284">
        <v>1</v>
      </c>
      <c r="J15" s="3"/>
      <c r="K15" s="3"/>
    </row>
    <row r="16" spans="1:11" ht="13" customHeight="1" x14ac:dyDescent="0.35">
      <c r="A16" s="3"/>
      <c r="C16" s="3" t="s">
        <v>2133</v>
      </c>
      <c r="D16" s="3" t="s">
        <v>2145</v>
      </c>
      <c r="E16" s="284">
        <v>1</v>
      </c>
      <c r="J16" s="3"/>
      <c r="K16" s="3"/>
    </row>
    <row r="17" spans="1:11" ht="13" customHeight="1" x14ac:dyDescent="0.35">
      <c r="A17" s="3"/>
      <c r="C17" s="3" t="s">
        <v>2133</v>
      </c>
      <c r="D17" s="3" t="s">
        <v>2147</v>
      </c>
      <c r="E17" s="284">
        <v>1</v>
      </c>
      <c r="J17" s="3"/>
      <c r="K17" s="3"/>
    </row>
    <row r="18" spans="1:11" ht="13" customHeight="1" x14ac:dyDescent="0.35">
      <c r="A18" s="3"/>
      <c r="C18" s="3" t="s">
        <v>2133</v>
      </c>
      <c r="D18" s="3" t="s">
        <v>758</v>
      </c>
      <c r="E18" s="284">
        <v>1</v>
      </c>
      <c r="J18" s="3"/>
      <c r="K18" s="3"/>
    </row>
    <row r="19" spans="1:11" ht="13" customHeight="1" x14ac:dyDescent="0.35">
      <c r="A19" s="3"/>
      <c r="C19" s="3" t="s">
        <v>2133</v>
      </c>
      <c r="D19" s="3" t="s">
        <v>2148</v>
      </c>
      <c r="E19" s="284">
        <v>1</v>
      </c>
      <c r="J19" s="3"/>
      <c r="K19" s="3"/>
    </row>
    <row r="20" spans="1:11" ht="13" customHeight="1" x14ac:dyDescent="0.35">
      <c r="A20" s="3"/>
      <c r="C20" s="3" t="s">
        <v>2133</v>
      </c>
      <c r="D20" s="3" t="s">
        <v>2149</v>
      </c>
      <c r="E20" s="284">
        <v>1</v>
      </c>
      <c r="J20" s="3"/>
      <c r="K20" s="3"/>
    </row>
    <row r="21" spans="1:11" ht="13" customHeight="1" x14ac:dyDescent="0.35">
      <c r="A21" s="3"/>
      <c r="C21" s="3" t="s">
        <v>2133</v>
      </c>
      <c r="D21" s="3" t="s">
        <v>525</v>
      </c>
      <c r="E21" s="284">
        <v>1</v>
      </c>
      <c r="J21" s="3"/>
      <c r="K21" s="3"/>
    </row>
    <row r="22" spans="1:11" ht="13" customHeight="1" x14ac:dyDescent="0.35">
      <c r="A22" s="3"/>
      <c r="C22" s="3" t="s">
        <v>2133</v>
      </c>
      <c r="D22" s="3" t="s">
        <v>2150</v>
      </c>
      <c r="E22" s="284">
        <v>1</v>
      </c>
      <c r="J22" s="3"/>
      <c r="K22" s="3"/>
    </row>
    <row r="23" spans="1:11" ht="13" customHeight="1" x14ac:dyDescent="0.35">
      <c r="A23" s="3"/>
      <c r="C23" s="3" t="s">
        <v>2133</v>
      </c>
      <c r="D23" s="3" t="s">
        <v>2151</v>
      </c>
      <c r="E23" s="284">
        <v>1</v>
      </c>
      <c r="J23" s="3"/>
      <c r="K23" s="3"/>
    </row>
    <row r="24" spans="1:11" ht="13" customHeight="1" x14ac:dyDescent="0.35">
      <c r="A24" s="3"/>
      <c r="C24" s="3" t="s">
        <v>2133</v>
      </c>
      <c r="D24" s="3" t="s">
        <v>2153</v>
      </c>
      <c r="E24" s="284">
        <v>1</v>
      </c>
      <c r="J24" s="3"/>
      <c r="K24" s="3"/>
    </row>
    <row r="25" spans="1:11" ht="13" customHeight="1" x14ac:dyDescent="0.35">
      <c r="A25" s="3"/>
      <c r="C25" s="3" t="s">
        <v>2133</v>
      </c>
      <c r="D25" s="3" t="s">
        <v>2154</v>
      </c>
      <c r="E25" s="284">
        <v>1</v>
      </c>
      <c r="J25" s="3"/>
      <c r="K25" s="3"/>
    </row>
    <row r="26" spans="1:11" ht="13" customHeight="1" x14ac:dyDescent="0.35">
      <c r="A26" s="3"/>
      <c r="C26" s="3" t="s">
        <v>2133</v>
      </c>
      <c r="D26" s="3" t="s">
        <v>130</v>
      </c>
      <c r="E26" s="284">
        <v>1</v>
      </c>
      <c r="J26" s="3"/>
      <c r="K26" s="3"/>
    </row>
    <row r="27" spans="1:11" ht="13" customHeight="1" x14ac:dyDescent="0.35">
      <c r="A27" s="3"/>
      <c r="C27" s="3" t="s">
        <v>2133</v>
      </c>
      <c r="D27" s="3" t="s">
        <v>2155</v>
      </c>
      <c r="E27" s="284">
        <v>1</v>
      </c>
      <c r="J27" s="3"/>
      <c r="K27" s="3"/>
    </row>
    <row r="28" spans="1:11" ht="13" customHeight="1" x14ac:dyDescent="0.35">
      <c r="A28" s="3"/>
      <c r="C28" s="3" t="s">
        <v>2133</v>
      </c>
      <c r="D28" s="3" t="s">
        <v>2156</v>
      </c>
      <c r="E28" s="284">
        <v>1</v>
      </c>
      <c r="J28" s="3"/>
      <c r="K28" s="3"/>
    </row>
    <row r="29" spans="1:11" ht="13" customHeight="1" x14ac:dyDescent="0.35">
      <c r="A29" s="3"/>
      <c r="C29" s="3" t="s">
        <v>2133</v>
      </c>
      <c r="D29" s="3" t="s">
        <v>2137</v>
      </c>
      <c r="E29" s="284">
        <v>1</v>
      </c>
      <c r="J29" s="3"/>
      <c r="K29" s="3"/>
    </row>
    <row r="30" spans="1:11" ht="13" customHeight="1" x14ac:dyDescent="0.35">
      <c r="A30" s="3"/>
      <c r="C30" s="3" t="s">
        <v>2133</v>
      </c>
      <c r="D30" s="3" t="s">
        <v>2157</v>
      </c>
      <c r="E30" s="284">
        <v>1</v>
      </c>
      <c r="J30" s="3"/>
      <c r="K30" s="3"/>
    </row>
    <row r="31" spans="1:11" ht="13" customHeight="1" x14ac:dyDescent="0.35">
      <c r="A31" s="3"/>
      <c r="C31" s="3" t="s">
        <v>2133</v>
      </c>
      <c r="D31" s="3" t="s">
        <v>2318</v>
      </c>
      <c r="E31" s="284">
        <v>1</v>
      </c>
      <c r="J31" s="3"/>
      <c r="K31" s="3"/>
    </row>
    <row r="32" spans="1:11" ht="13" customHeight="1" x14ac:dyDescent="0.35">
      <c r="A32" s="3"/>
      <c r="C32" s="3" t="s">
        <v>2133</v>
      </c>
      <c r="D32" s="3" t="s">
        <v>2158</v>
      </c>
      <c r="E32" s="284">
        <v>1</v>
      </c>
      <c r="J32" s="3"/>
      <c r="K32" s="3"/>
    </row>
    <row r="33" spans="1:11" ht="13" customHeight="1" x14ac:dyDescent="0.35">
      <c r="A33" s="3"/>
      <c r="C33" s="3" t="s">
        <v>2133</v>
      </c>
      <c r="D33" s="3" t="s">
        <v>2276</v>
      </c>
      <c r="E33" s="284">
        <v>1</v>
      </c>
      <c r="J33" s="3"/>
      <c r="K33" s="3"/>
    </row>
    <row r="34" spans="1:11" ht="13" customHeight="1" x14ac:dyDescent="0.35">
      <c r="A34" s="3"/>
      <c r="C34" s="3" t="s">
        <v>2133</v>
      </c>
      <c r="D34" s="3" t="s">
        <v>2159</v>
      </c>
      <c r="E34" s="284">
        <v>1</v>
      </c>
      <c r="J34" s="3"/>
      <c r="K34" s="3"/>
    </row>
    <row r="35" spans="1:11" ht="13" customHeight="1" x14ac:dyDescent="0.35">
      <c r="A35" s="3"/>
      <c r="C35" s="3" t="s">
        <v>2133</v>
      </c>
      <c r="D35" s="3" t="s">
        <v>2160</v>
      </c>
      <c r="E35" s="284">
        <v>1</v>
      </c>
      <c r="J35" s="3"/>
      <c r="K35" s="3"/>
    </row>
    <row r="36" spans="1:11" ht="13" customHeight="1" x14ac:dyDescent="0.35">
      <c r="A36" s="3"/>
      <c r="C36" s="3" t="s">
        <v>2133</v>
      </c>
      <c r="D36" s="3" t="s">
        <v>2161</v>
      </c>
      <c r="E36" s="284">
        <v>1</v>
      </c>
      <c r="J36" s="3"/>
      <c r="K36" s="3"/>
    </row>
    <row r="37" spans="1:11" ht="13" customHeight="1" x14ac:dyDescent="0.35">
      <c r="A37" s="3"/>
      <c r="C37" s="3" t="s">
        <v>2133</v>
      </c>
      <c r="D37" s="3" t="s">
        <v>2180</v>
      </c>
      <c r="E37" s="284">
        <v>1</v>
      </c>
      <c r="J37" s="3"/>
      <c r="K37" s="3"/>
    </row>
    <row r="38" spans="1:11" ht="13" customHeight="1" x14ac:dyDescent="0.35">
      <c r="A38" s="3"/>
      <c r="C38" s="3" t="s">
        <v>2133</v>
      </c>
      <c r="D38" s="3" t="s">
        <v>2181</v>
      </c>
      <c r="E38" s="284">
        <v>1</v>
      </c>
      <c r="J38" s="3"/>
      <c r="K38" s="3"/>
    </row>
    <row r="39" spans="1:11" ht="13" customHeight="1" x14ac:dyDescent="0.35">
      <c r="A39" s="3"/>
      <c r="C39" s="3" t="s">
        <v>2133</v>
      </c>
      <c r="D39" s="3" t="s">
        <v>2182</v>
      </c>
      <c r="E39" s="284">
        <v>1</v>
      </c>
      <c r="J39" s="3"/>
      <c r="K39" s="3"/>
    </row>
    <row r="40" spans="1:11" ht="13" customHeight="1" x14ac:dyDescent="0.35">
      <c r="A40" s="3"/>
      <c r="C40" s="3" t="s">
        <v>2133</v>
      </c>
      <c r="D40" s="3" t="s">
        <v>2183</v>
      </c>
      <c r="E40" s="284">
        <v>1</v>
      </c>
    </row>
    <row r="41" spans="1:11" ht="13" customHeight="1" x14ac:dyDescent="0.35">
      <c r="A41" s="3"/>
      <c r="C41" s="3" t="s">
        <v>2133</v>
      </c>
      <c r="D41" s="3" t="s">
        <v>2184</v>
      </c>
      <c r="E41" s="284">
        <v>1</v>
      </c>
    </row>
    <row r="42" spans="1:11" ht="13" customHeight="1" x14ac:dyDescent="0.35">
      <c r="A42" s="3"/>
      <c r="C42" s="3" t="s">
        <v>2133</v>
      </c>
      <c r="D42" s="3" t="s">
        <v>2185</v>
      </c>
      <c r="E42" s="284">
        <v>1</v>
      </c>
    </row>
    <row r="43" spans="1:11" ht="13" customHeight="1" x14ac:dyDescent="0.35">
      <c r="A43" s="3"/>
      <c r="C43" s="3" t="s">
        <v>2133</v>
      </c>
      <c r="D43" s="3" t="s">
        <v>2186</v>
      </c>
      <c r="E43" s="284">
        <v>1</v>
      </c>
    </row>
    <row r="44" spans="1:11" ht="13" customHeight="1" x14ac:dyDescent="0.35">
      <c r="A44" s="3"/>
      <c r="C44" s="3" t="s">
        <v>2133</v>
      </c>
      <c r="D44" s="3" t="s">
        <v>2188</v>
      </c>
      <c r="E44" s="284">
        <v>1</v>
      </c>
    </row>
    <row r="45" spans="1:11" ht="13" customHeight="1" x14ac:dyDescent="0.35">
      <c r="A45" s="3"/>
      <c r="C45" s="3" t="s">
        <v>2133</v>
      </c>
      <c r="D45" s="3" t="s">
        <v>2189</v>
      </c>
      <c r="E45" s="284">
        <v>1</v>
      </c>
    </row>
    <row r="46" spans="1:11" ht="13" customHeight="1" x14ac:dyDescent="0.35">
      <c r="A46" s="3"/>
      <c r="C46" s="3" t="s">
        <v>2133</v>
      </c>
      <c r="D46" s="3" t="s">
        <v>2190</v>
      </c>
      <c r="E46" s="284">
        <v>1</v>
      </c>
    </row>
    <row r="47" spans="1:11" ht="13" customHeight="1" x14ac:dyDescent="0.35">
      <c r="A47" s="3"/>
      <c r="C47" s="3" t="s">
        <v>2133</v>
      </c>
      <c r="D47" s="3" t="s">
        <v>2162</v>
      </c>
      <c r="E47" s="284">
        <v>1</v>
      </c>
    </row>
    <row r="48" spans="1:11" ht="13" customHeight="1" x14ac:dyDescent="0.35">
      <c r="A48" s="3"/>
      <c r="C48" s="3" t="s">
        <v>2133</v>
      </c>
      <c r="D48" s="3" t="s">
        <v>2163</v>
      </c>
      <c r="E48" s="284">
        <v>1</v>
      </c>
    </row>
    <row r="49" spans="1:5" ht="13" customHeight="1" x14ac:dyDescent="0.35">
      <c r="A49" s="3"/>
      <c r="C49" s="3" t="s">
        <v>2133</v>
      </c>
      <c r="D49" s="3" t="s">
        <v>2164</v>
      </c>
      <c r="E49" s="284">
        <v>1</v>
      </c>
    </row>
    <row r="50" spans="1:5" ht="13" customHeight="1" x14ac:dyDescent="0.35">
      <c r="A50" s="3"/>
      <c r="C50" s="3" t="s">
        <v>2133</v>
      </c>
      <c r="D50" s="278" t="s">
        <v>1543</v>
      </c>
      <c r="E50" s="284">
        <v>0.91700000000000004</v>
      </c>
    </row>
    <row r="51" spans="1:5" ht="13" customHeight="1" x14ac:dyDescent="0.35">
      <c r="A51" s="3"/>
      <c r="C51" s="3" t="s">
        <v>2133</v>
      </c>
      <c r="D51" s="3" t="s">
        <v>2165</v>
      </c>
      <c r="E51" s="284">
        <v>1.0469999999999999</v>
      </c>
    </row>
    <row r="52" spans="1:5" ht="13" customHeight="1" x14ac:dyDescent="0.35">
      <c r="A52" s="3"/>
      <c r="C52" s="3" t="s">
        <v>2133</v>
      </c>
      <c r="D52" s="3" t="s">
        <v>2166</v>
      </c>
      <c r="E52" s="284">
        <v>1</v>
      </c>
    </row>
    <row r="53" spans="1:5" ht="13" customHeight="1" x14ac:dyDescent="0.35">
      <c r="A53" s="3"/>
      <c r="C53" s="3" t="s">
        <v>2133</v>
      </c>
      <c r="D53" s="3" t="s">
        <v>2167</v>
      </c>
      <c r="E53" s="284">
        <v>1</v>
      </c>
    </row>
    <row r="54" spans="1:5" ht="13" customHeight="1" x14ac:dyDescent="0.35">
      <c r="A54" s="3"/>
      <c r="C54" s="3" t="s">
        <v>2133</v>
      </c>
      <c r="D54" s="3" t="s">
        <v>2168</v>
      </c>
      <c r="E54" s="284">
        <v>1</v>
      </c>
    </row>
    <row r="55" spans="1:5" ht="13" customHeight="1" x14ac:dyDescent="0.35">
      <c r="A55" s="3"/>
      <c r="C55" s="3" t="s">
        <v>2133</v>
      </c>
      <c r="D55" s="3" t="s">
        <v>2169</v>
      </c>
      <c r="E55" s="284">
        <v>1</v>
      </c>
    </row>
    <row r="56" spans="1:5" ht="13" customHeight="1" x14ac:dyDescent="0.35">
      <c r="A56" s="3"/>
      <c r="C56" s="3" t="s">
        <v>2133</v>
      </c>
      <c r="D56" s="3" t="s">
        <v>2170</v>
      </c>
      <c r="E56" s="284">
        <v>0.86399999999999999</v>
      </c>
    </row>
    <row r="57" spans="1:5" ht="13" customHeight="1" x14ac:dyDescent="0.35">
      <c r="A57" s="3"/>
      <c r="C57" s="3" t="s">
        <v>2133</v>
      </c>
      <c r="D57" s="3" t="s">
        <v>2171</v>
      </c>
      <c r="E57" s="284">
        <v>1</v>
      </c>
    </row>
    <row r="58" spans="1:5" ht="13" customHeight="1" x14ac:dyDescent="0.35">
      <c r="A58" s="3"/>
      <c r="C58" s="3" t="s">
        <v>2133</v>
      </c>
      <c r="D58" s="3" t="s">
        <v>2172</v>
      </c>
      <c r="E58" s="284">
        <v>1</v>
      </c>
    </row>
    <row r="59" spans="1:5" ht="13" customHeight="1" x14ac:dyDescent="0.35">
      <c r="A59" s="3"/>
      <c r="C59" s="3" t="s">
        <v>2133</v>
      </c>
      <c r="D59" s="3" t="s">
        <v>2173</v>
      </c>
      <c r="E59" s="284">
        <v>1</v>
      </c>
    </row>
    <row r="60" spans="1:5" ht="13" customHeight="1" x14ac:dyDescent="0.35">
      <c r="A60" s="3"/>
      <c r="C60" s="3" t="s">
        <v>2133</v>
      </c>
      <c r="D60" s="3" t="s">
        <v>2174</v>
      </c>
      <c r="E60" s="284">
        <v>1</v>
      </c>
    </row>
    <row r="61" spans="1:5" ht="13" customHeight="1" x14ac:dyDescent="0.35">
      <c r="A61" s="3"/>
      <c r="C61" s="3" t="s">
        <v>2133</v>
      </c>
      <c r="D61" s="3" t="s">
        <v>2175</v>
      </c>
      <c r="E61" s="284">
        <v>1</v>
      </c>
    </row>
    <row r="62" spans="1:5" ht="13" customHeight="1" x14ac:dyDescent="0.35">
      <c r="A62" s="3"/>
      <c r="C62" s="3" t="s">
        <v>2133</v>
      </c>
      <c r="D62" s="3" t="s">
        <v>2176</v>
      </c>
      <c r="E62" s="284">
        <v>1</v>
      </c>
    </row>
    <row r="63" spans="1:5" ht="13" customHeight="1" x14ac:dyDescent="0.35">
      <c r="A63" s="3"/>
      <c r="C63" s="3" t="s">
        <v>2133</v>
      </c>
      <c r="D63" s="3" t="s">
        <v>2177</v>
      </c>
      <c r="E63" s="284">
        <v>1</v>
      </c>
    </row>
    <row r="64" spans="1:5" ht="13" customHeight="1" x14ac:dyDescent="0.35">
      <c r="A64" s="3"/>
      <c r="C64" s="3" t="s">
        <v>2133</v>
      </c>
      <c r="D64" s="3" t="s">
        <v>2178</v>
      </c>
      <c r="E64" s="284">
        <v>1</v>
      </c>
    </row>
    <row r="65" spans="1:5" ht="13" customHeight="1" x14ac:dyDescent="0.35">
      <c r="A65" s="3"/>
      <c r="C65" s="3" t="s">
        <v>2133</v>
      </c>
      <c r="D65" s="3" t="s">
        <v>2179</v>
      </c>
      <c r="E65" s="284">
        <v>1</v>
      </c>
    </row>
    <row r="66" spans="1:5" ht="13" customHeight="1" x14ac:dyDescent="0.35">
      <c r="A66" s="3"/>
      <c r="C66" s="3" t="s">
        <v>2133</v>
      </c>
      <c r="D66" s="3" t="s">
        <v>2315</v>
      </c>
      <c r="E66" s="284">
        <v>1</v>
      </c>
    </row>
    <row r="67" spans="1:5" ht="13" customHeight="1" x14ac:dyDescent="0.35">
      <c r="A67" s="3"/>
      <c r="C67" s="3" t="s">
        <v>2133</v>
      </c>
      <c r="D67" s="3" t="s">
        <v>450</v>
      </c>
      <c r="E67" s="284">
        <v>1</v>
      </c>
    </row>
    <row r="68" spans="1:5" ht="13" customHeight="1" x14ac:dyDescent="0.35">
      <c r="A68" s="3"/>
      <c r="C68" s="3" t="s">
        <v>2133</v>
      </c>
      <c r="D68" s="3" t="s">
        <v>2191</v>
      </c>
      <c r="E68" s="284">
        <v>1</v>
      </c>
    </row>
    <row r="69" spans="1:5" ht="13" customHeight="1" x14ac:dyDescent="0.35">
      <c r="A69" s="3"/>
      <c r="C69" s="3" t="s">
        <v>2133</v>
      </c>
      <c r="D69" s="3" t="s">
        <v>2192</v>
      </c>
      <c r="E69" s="284">
        <v>1</v>
      </c>
    </row>
    <row r="70" spans="1:5" ht="13" customHeight="1" x14ac:dyDescent="0.35">
      <c r="A70" s="3"/>
      <c r="C70" s="3" t="s">
        <v>2133</v>
      </c>
      <c r="D70" s="3" t="s">
        <v>2193</v>
      </c>
      <c r="E70" s="284">
        <v>0.91700000000000004</v>
      </c>
    </row>
    <row r="71" spans="1:5" ht="13" customHeight="1" x14ac:dyDescent="0.35">
      <c r="A71" s="3"/>
      <c r="C71" s="3" t="s">
        <v>2133</v>
      </c>
      <c r="D71" s="3" t="s">
        <v>2194</v>
      </c>
      <c r="E71" s="284">
        <v>1</v>
      </c>
    </row>
    <row r="72" spans="1:5" ht="13" customHeight="1" x14ac:dyDescent="0.35">
      <c r="A72" s="3"/>
      <c r="C72" s="3" t="s">
        <v>2133</v>
      </c>
      <c r="D72" s="3" t="s">
        <v>2195</v>
      </c>
      <c r="E72" s="284">
        <v>1</v>
      </c>
    </row>
    <row r="73" spans="1:5" ht="13" customHeight="1" x14ac:dyDescent="0.35">
      <c r="A73" s="3"/>
      <c r="C73" s="3" t="s">
        <v>2133</v>
      </c>
      <c r="D73" s="3" t="s">
        <v>2196</v>
      </c>
      <c r="E73" s="284">
        <v>1</v>
      </c>
    </row>
    <row r="74" spans="1:5" ht="13" customHeight="1" x14ac:dyDescent="0.35">
      <c r="A74" s="3"/>
      <c r="C74" s="3" t="s">
        <v>2133</v>
      </c>
      <c r="D74" s="3" t="s">
        <v>2197</v>
      </c>
      <c r="E74" s="284">
        <v>1</v>
      </c>
    </row>
    <row r="75" spans="1:5" ht="13" customHeight="1" x14ac:dyDescent="0.35">
      <c r="A75" s="3"/>
      <c r="C75" s="3" t="s">
        <v>2133</v>
      </c>
      <c r="D75" s="3" t="s">
        <v>2198</v>
      </c>
      <c r="E75" s="284">
        <v>1</v>
      </c>
    </row>
    <row r="76" spans="1:5" ht="13" customHeight="1" x14ac:dyDescent="0.35">
      <c r="A76" s="3"/>
      <c r="C76" s="3" t="s">
        <v>2133</v>
      </c>
      <c r="D76" s="3" t="s">
        <v>2199</v>
      </c>
      <c r="E76" s="284">
        <v>1</v>
      </c>
    </row>
    <row r="77" spans="1:5" ht="13" customHeight="1" x14ac:dyDescent="0.35">
      <c r="A77" s="3"/>
      <c r="C77" s="3" t="s">
        <v>2133</v>
      </c>
      <c r="D77" s="3" t="s">
        <v>2200</v>
      </c>
      <c r="E77" s="284">
        <v>1</v>
      </c>
    </row>
    <row r="78" spans="1:5" ht="13" customHeight="1" x14ac:dyDescent="0.35">
      <c r="A78" s="3"/>
      <c r="C78" s="3" t="s">
        <v>2133</v>
      </c>
      <c r="D78" s="3" t="s">
        <v>2201</v>
      </c>
      <c r="E78" s="284">
        <v>1</v>
      </c>
    </row>
    <row r="79" spans="1:5" ht="13" customHeight="1" x14ac:dyDescent="0.35">
      <c r="A79" s="3"/>
      <c r="C79" s="3" t="s">
        <v>2133</v>
      </c>
      <c r="D79" s="3" t="s">
        <v>2202</v>
      </c>
      <c r="E79" s="284">
        <v>1</v>
      </c>
    </row>
    <row r="80" spans="1:5" ht="13" customHeight="1" x14ac:dyDescent="0.35">
      <c r="A80" s="3"/>
      <c r="C80" s="3" t="s">
        <v>2133</v>
      </c>
      <c r="D80" s="3" t="s">
        <v>2203</v>
      </c>
      <c r="E80" s="284">
        <v>1</v>
      </c>
    </row>
    <row r="81" spans="1:5" ht="13" customHeight="1" x14ac:dyDescent="0.35">
      <c r="A81" s="3"/>
      <c r="C81" s="3" t="s">
        <v>2133</v>
      </c>
      <c r="D81" s="3" t="s">
        <v>2204</v>
      </c>
      <c r="E81" s="284">
        <v>1</v>
      </c>
    </row>
    <row r="82" spans="1:5" ht="13" customHeight="1" x14ac:dyDescent="0.35">
      <c r="A82" s="3"/>
      <c r="C82" s="3" t="s">
        <v>2133</v>
      </c>
      <c r="D82" s="3" t="s">
        <v>2208</v>
      </c>
      <c r="E82" s="284">
        <v>1</v>
      </c>
    </row>
    <row r="83" spans="1:5" ht="13" customHeight="1" x14ac:dyDescent="0.35">
      <c r="A83" s="3"/>
      <c r="C83" s="3" t="s">
        <v>2133</v>
      </c>
      <c r="D83" s="3" t="s">
        <v>2205</v>
      </c>
      <c r="E83" s="284">
        <v>1</v>
      </c>
    </row>
    <row r="84" spans="1:5" ht="13" customHeight="1" x14ac:dyDescent="0.35">
      <c r="A84" s="3"/>
      <c r="C84" s="3" t="s">
        <v>2133</v>
      </c>
      <c r="D84" s="3" t="s">
        <v>2207</v>
      </c>
      <c r="E84" s="284">
        <v>1</v>
      </c>
    </row>
    <row r="85" spans="1:5" ht="13" customHeight="1" x14ac:dyDescent="0.35">
      <c r="A85" s="3"/>
      <c r="C85" s="3" t="s">
        <v>2133</v>
      </c>
      <c r="D85" s="3" t="s">
        <v>2206</v>
      </c>
      <c r="E85" s="284">
        <v>1</v>
      </c>
    </row>
    <row r="86" spans="1:5" ht="13" customHeight="1" x14ac:dyDescent="0.35">
      <c r="A86" s="3"/>
      <c r="C86" s="3" t="s">
        <v>2133</v>
      </c>
      <c r="D86" s="3" t="s">
        <v>2209</v>
      </c>
      <c r="E86" s="284">
        <v>1</v>
      </c>
    </row>
    <row r="87" spans="1:5" ht="13" customHeight="1" x14ac:dyDescent="0.35">
      <c r="A87" s="3"/>
      <c r="C87" s="3" t="s">
        <v>2133</v>
      </c>
      <c r="D87" s="3" t="s">
        <v>2210</v>
      </c>
      <c r="E87" s="284">
        <v>1</v>
      </c>
    </row>
    <row r="88" spans="1:5" ht="13" customHeight="1" x14ac:dyDescent="0.35">
      <c r="A88" s="3"/>
      <c r="C88" s="3" t="s">
        <v>2133</v>
      </c>
      <c r="D88" s="3" t="s">
        <v>2211</v>
      </c>
      <c r="E88" s="284">
        <v>1</v>
      </c>
    </row>
    <row r="89" spans="1:5" ht="13" customHeight="1" x14ac:dyDescent="0.35">
      <c r="A89" s="3"/>
      <c r="C89" s="3" t="s">
        <v>2133</v>
      </c>
      <c r="D89" s="3" t="s">
        <v>2213</v>
      </c>
      <c r="E89" s="284">
        <v>1</v>
      </c>
    </row>
    <row r="90" spans="1:5" ht="13" customHeight="1" x14ac:dyDescent="0.35">
      <c r="A90" s="3"/>
      <c r="C90" s="3" t="s">
        <v>2133</v>
      </c>
      <c r="D90" s="3" t="s">
        <v>2214</v>
      </c>
      <c r="E90" s="284">
        <v>1</v>
      </c>
    </row>
    <row r="91" spans="1:5" ht="13" customHeight="1" x14ac:dyDescent="0.35">
      <c r="A91" s="3"/>
      <c r="C91" s="3" t="s">
        <v>2133</v>
      </c>
      <c r="D91" s="3" t="s">
        <v>2215</v>
      </c>
      <c r="E91" s="284">
        <v>1</v>
      </c>
    </row>
    <row r="92" spans="1:5" ht="13" customHeight="1" x14ac:dyDescent="0.35">
      <c r="A92" s="3"/>
      <c r="C92" s="3" t="s">
        <v>2133</v>
      </c>
      <c r="D92" s="3" t="s">
        <v>2216</v>
      </c>
      <c r="E92" s="284">
        <v>1</v>
      </c>
    </row>
    <row r="93" spans="1:5" ht="13" customHeight="1" x14ac:dyDescent="0.35">
      <c r="A93" s="3"/>
      <c r="C93" s="3" t="s">
        <v>2133</v>
      </c>
      <c r="D93" s="3" t="s">
        <v>676</v>
      </c>
      <c r="E93" s="284">
        <v>1</v>
      </c>
    </row>
    <row r="94" spans="1:5" ht="13" customHeight="1" x14ac:dyDescent="0.35">
      <c r="A94" s="3"/>
      <c r="C94" s="3" t="s">
        <v>2133</v>
      </c>
      <c r="D94" s="3" t="s">
        <v>2285</v>
      </c>
      <c r="E94" s="284">
        <v>1</v>
      </c>
    </row>
    <row r="95" spans="1:5" ht="13" customHeight="1" x14ac:dyDescent="0.35">
      <c r="A95" s="3"/>
      <c r="C95" s="3" t="s">
        <v>2133</v>
      </c>
      <c r="D95" s="3" t="s">
        <v>2218</v>
      </c>
      <c r="E95" s="284">
        <v>1</v>
      </c>
    </row>
    <row r="96" spans="1:5" ht="13" customHeight="1" x14ac:dyDescent="0.35">
      <c r="A96" s="3"/>
      <c r="C96" s="3" t="s">
        <v>2133</v>
      </c>
      <c r="D96" s="3" t="s">
        <v>2219</v>
      </c>
      <c r="E96" s="284">
        <v>1</v>
      </c>
    </row>
    <row r="97" spans="1:5" ht="13" customHeight="1" x14ac:dyDescent="0.35">
      <c r="A97" s="3"/>
      <c r="C97" s="3" t="s">
        <v>2133</v>
      </c>
      <c r="D97" s="3" t="s">
        <v>2146</v>
      </c>
      <c r="E97" s="284">
        <v>1</v>
      </c>
    </row>
    <row r="98" spans="1:5" ht="13" customHeight="1" x14ac:dyDescent="0.35">
      <c r="A98" s="3"/>
      <c r="C98" s="3" t="s">
        <v>2133</v>
      </c>
      <c r="D98" s="3" t="s">
        <v>2247</v>
      </c>
      <c r="E98" s="284">
        <v>1</v>
      </c>
    </row>
    <row r="99" spans="1:5" ht="13" customHeight="1" x14ac:dyDescent="0.35">
      <c r="A99" s="3"/>
      <c r="C99" s="3" t="s">
        <v>2133</v>
      </c>
      <c r="D99" s="3" t="s">
        <v>2220</v>
      </c>
      <c r="E99" s="284">
        <v>1</v>
      </c>
    </row>
    <row r="100" spans="1:5" ht="13" customHeight="1" x14ac:dyDescent="0.35">
      <c r="A100" s="3"/>
      <c r="C100" s="3" t="s">
        <v>2133</v>
      </c>
      <c r="D100" s="3" t="s">
        <v>2187</v>
      </c>
      <c r="E100" s="284">
        <v>1</v>
      </c>
    </row>
    <row r="101" spans="1:5" ht="13" customHeight="1" x14ac:dyDescent="0.35">
      <c r="A101" s="3"/>
      <c r="C101" s="3" t="s">
        <v>2133</v>
      </c>
      <c r="D101" s="3" t="s">
        <v>2230</v>
      </c>
      <c r="E101" s="284">
        <v>1</v>
      </c>
    </row>
    <row r="102" spans="1:5" ht="13" customHeight="1" x14ac:dyDescent="0.35">
      <c r="A102" s="3"/>
      <c r="C102" s="3" t="s">
        <v>2133</v>
      </c>
      <c r="D102" s="3" t="s">
        <v>2252</v>
      </c>
      <c r="E102" s="284">
        <v>1</v>
      </c>
    </row>
    <row r="103" spans="1:5" ht="13" customHeight="1" x14ac:dyDescent="0.35">
      <c r="A103" s="3"/>
      <c r="C103" s="3" t="s">
        <v>2133</v>
      </c>
      <c r="D103" s="3" t="s">
        <v>2221</v>
      </c>
      <c r="E103" s="284">
        <v>1</v>
      </c>
    </row>
    <row r="104" spans="1:5" ht="13" customHeight="1" x14ac:dyDescent="0.35">
      <c r="A104" s="3"/>
      <c r="C104" s="3" t="s">
        <v>2133</v>
      </c>
      <c r="D104" s="3" t="s">
        <v>819</v>
      </c>
      <c r="E104" s="284">
        <v>1</v>
      </c>
    </row>
    <row r="105" spans="1:5" ht="13" customHeight="1" x14ac:dyDescent="0.35">
      <c r="A105" s="3"/>
      <c r="C105" s="3" t="s">
        <v>2133</v>
      </c>
      <c r="D105" s="3" t="s">
        <v>564</v>
      </c>
      <c r="E105" s="284">
        <v>1</v>
      </c>
    </row>
    <row r="106" spans="1:5" ht="13" customHeight="1" x14ac:dyDescent="0.35">
      <c r="A106" s="3"/>
      <c r="C106" s="3" t="s">
        <v>2133</v>
      </c>
      <c r="D106" s="3" t="s">
        <v>2222</v>
      </c>
      <c r="E106" s="284">
        <v>1</v>
      </c>
    </row>
    <row r="107" spans="1:5" ht="13" customHeight="1" x14ac:dyDescent="0.35">
      <c r="A107" s="3"/>
      <c r="C107" s="3" t="s">
        <v>2133</v>
      </c>
      <c r="D107" s="3" t="s">
        <v>2223</v>
      </c>
      <c r="E107" s="284">
        <v>1</v>
      </c>
    </row>
    <row r="108" spans="1:5" ht="13" customHeight="1" x14ac:dyDescent="0.35">
      <c r="A108" s="3"/>
      <c r="C108" s="3" t="s">
        <v>2133</v>
      </c>
      <c r="D108" s="3" t="s">
        <v>2224</v>
      </c>
      <c r="E108" s="284">
        <v>1</v>
      </c>
    </row>
    <row r="109" spans="1:5" ht="13" customHeight="1" x14ac:dyDescent="0.35">
      <c r="A109" s="3"/>
      <c r="C109" s="3" t="s">
        <v>2133</v>
      </c>
      <c r="D109" s="3" t="s">
        <v>2225</v>
      </c>
      <c r="E109" s="284">
        <v>1</v>
      </c>
    </row>
    <row r="110" spans="1:5" ht="13" customHeight="1" x14ac:dyDescent="0.35">
      <c r="A110" s="3"/>
      <c r="C110" s="3" t="s">
        <v>2133</v>
      </c>
      <c r="D110" s="3" t="s">
        <v>2226</v>
      </c>
      <c r="E110" s="284">
        <v>1</v>
      </c>
    </row>
    <row r="111" spans="1:5" ht="13" customHeight="1" x14ac:dyDescent="0.35">
      <c r="A111" s="3"/>
      <c r="C111" s="3" t="s">
        <v>2133</v>
      </c>
      <c r="D111" s="3" t="s">
        <v>2227</v>
      </c>
      <c r="E111" s="284">
        <v>1</v>
      </c>
    </row>
    <row r="112" spans="1:5" ht="13" customHeight="1" x14ac:dyDescent="0.35">
      <c r="A112" s="3"/>
      <c r="C112" s="3" t="s">
        <v>2133</v>
      </c>
      <c r="D112" s="3" t="s">
        <v>2228</v>
      </c>
      <c r="E112" s="284">
        <v>1</v>
      </c>
    </row>
    <row r="113" spans="1:5" ht="13" customHeight="1" x14ac:dyDescent="0.35">
      <c r="A113" s="3"/>
      <c r="C113" s="3" t="s">
        <v>2133</v>
      </c>
      <c r="D113" s="3" t="s">
        <v>2229</v>
      </c>
      <c r="E113" s="284">
        <v>1</v>
      </c>
    </row>
    <row r="114" spans="1:5" ht="13" customHeight="1" x14ac:dyDescent="0.35">
      <c r="A114" s="3"/>
      <c r="C114" s="3" t="s">
        <v>2133</v>
      </c>
      <c r="D114" s="278" t="s">
        <v>43</v>
      </c>
      <c r="E114" s="284">
        <v>0.94499999999999995</v>
      </c>
    </row>
    <row r="115" spans="1:5" ht="13" customHeight="1" x14ac:dyDescent="0.35">
      <c r="A115" s="3"/>
      <c r="C115" s="3" t="s">
        <v>2133</v>
      </c>
      <c r="D115" s="3" t="s">
        <v>2231</v>
      </c>
      <c r="E115" s="284">
        <v>1</v>
      </c>
    </row>
    <row r="116" spans="1:5" ht="13" customHeight="1" x14ac:dyDescent="0.35">
      <c r="A116" s="3"/>
      <c r="C116" s="3" t="s">
        <v>2133</v>
      </c>
      <c r="D116" s="3" t="s">
        <v>2232</v>
      </c>
      <c r="E116" s="284">
        <v>1</v>
      </c>
    </row>
    <row r="117" spans="1:5" ht="13" customHeight="1" x14ac:dyDescent="0.35">
      <c r="A117" s="3"/>
      <c r="C117" s="3" t="s">
        <v>2133</v>
      </c>
      <c r="D117" s="3" t="s">
        <v>2233</v>
      </c>
      <c r="E117" s="284">
        <v>1</v>
      </c>
    </row>
    <row r="118" spans="1:5" ht="13" customHeight="1" x14ac:dyDescent="0.35">
      <c r="A118" s="3"/>
      <c r="C118" s="3" t="s">
        <v>2133</v>
      </c>
      <c r="D118" s="3" t="s">
        <v>2316</v>
      </c>
      <c r="E118" s="284">
        <v>1</v>
      </c>
    </row>
    <row r="119" spans="1:5" ht="13" customHeight="1" x14ac:dyDescent="0.35">
      <c r="A119" s="3"/>
      <c r="C119" s="3" t="s">
        <v>2133</v>
      </c>
      <c r="D119" s="3" t="s">
        <v>2234</v>
      </c>
      <c r="E119" s="284">
        <v>1</v>
      </c>
    </row>
    <row r="120" spans="1:5" ht="13" customHeight="1" x14ac:dyDescent="0.35">
      <c r="A120" s="3"/>
      <c r="C120" s="3" t="s">
        <v>2133</v>
      </c>
      <c r="D120" s="3" t="s">
        <v>2235</v>
      </c>
      <c r="E120" s="284">
        <v>1</v>
      </c>
    </row>
    <row r="121" spans="1:5" ht="13" customHeight="1" x14ac:dyDescent="0.35">
      <c r="A121" s="3"/>
      <c r="C121" s="3" t="s">
        <v>2133</v>
      </c>
      <c r="D121" s="3" t="s">
        <v>2143</v>
      </c>
      <c r="E121" s="284">
        <v>1</v>
      </c>
    </row>
    <row r="122" spans="1:5" ht="13" customHeight="1" x14ac:dyDescent="0.35">
      <c r="A122" s="3"/>
      <c r="C122" s="3" t="s">
        <v>2133</v>
      </c>
      <c r="D122" s="3" t="s">
        <v>2236</v>
      </c>
      <c r="E122" s="284">
        <v>1</v>
      </c>
    </row>
    <row r="123" spans="1:5" ht="13" customHeight="1" x14ac:dyDescent="0.35">
      <c r="A123" s="3"/>
      <c r="C123" s="3" t="s">
        <v>2133</v>
      </c>
      <c r="D123" s="3" t="s">
        <v>1920</v>
      </c>
      <c r="E123" s="284">
        <v>1</v>
      </c>
    </row>
    <row r="124" spans="1:5" ht="13" customHeight="1" x14ac:dyDescent="0.35">
      <c r="A124" s="3"/>
      <c r="C124" s="3" t="s">
        <v>2133</v>
      </c>
      <c r="D124" s="3" t="s">
        <v>2237</v>
      </c>
      <c r="E124" s="284">
        <v>1</v>
      </c>
    </row>
    <row r="125" spans="1:5" ht="13" customHeight="1" x14ac:dyDescent="0.35">
      <c r="A125" s="3"/>
      <c r="C125" s="3" t="s">
        <v>2133</v>
      </c>
      <c r="D125" s="3" t="s">
        <v>2238</v>
      </c>
      <c r="E125" s="284">
        <v>1</v>
      </c>
    </row>
    <row r="126" spans="1:5" ht="13" customHeight="1" x14ac:dyDescent="0.35">
      <c r="A126" s="3"/>
      <c r="C126" s="3" t="s">
        <v>2133</v>
      </c>
      <c r="D126" s="278" t="s">
        <v>2239</v>
      </c>
      <c r="E126" s="284">
        <v>0.89600000000000002</v>
      </c>
    </row>
    <row r="127" spans="1:5" ht="13" customHeight="1" x14ac:dyDescent="0.35">
      <c r="A127" s="3"/>
      <c r="C127" s="3" t="s">
        <v>2133</v>
      </c>
      <c r="D127" s="3" t="s">
        <v>2240</v>
      </c>
      <c r="E127" s="284">
        <v>1</v>
      </c>
    </row>
    <row r="128" spans="1:5" ht="13" customHeight="1" x14ac:dyDescent="0.35">
      <c r="A128" s="3"/>
      <c r="C128" s="3" t="s">
        <v>2133</v>
      </c>
      <c r="D128" s="3" t="s">
        <v>2241</v>
      </c>
      <c r="E128" s="284">
        <v>1</v>
      </c>
    </row>
    <row r="129" spans="1:5" ht="13" customHeight="1" x14ac:dyDescent="0.35">
      <c r="A129" s="3"/>
      <c r="C129" s="3" t="s">
        <v>2133</v>
      </c>
      <c r="D129" s="3" t="s">
        <v>2242</v>
      </c>
      <c r="E129" s="284">
        <v>1</v>
      </c>
    </row>
    <row r="130" spans="1:5" ht="13" customHeight="1" x14ac:dyDescent="0.35">
      <c r="A130" s="3"/>
      <c r="C130" s="3" t="s">
        <v>2133</v>
      </c>
      <c r="D130" s="3" t="s">
        <v>2243</v>
      </c>
      <c r="E130" s="284">
        <v>1</v>
      </c>
    </row>
    <row r="131" spans="1:5" ht="13" customHeight="1" x14ac:dyDescent="0.35">
      <c r="A131" s="3"/>
      <c r="C131" s="3" t="s">
        <v>2133</v>
      </c>
      <c r="D131" s="3" t="s">
        <v>1842</v>
      </c>
      <c r="E131" s="284">
        <v>1</v>
      </c>
    </row>
    <row r="132" spans="1:5" ht="13" customHeight="1" x14ac:dyDescent="0.35">
      <c r="A132" s="3"/>
      <c r="C132" s="3" t="s">
        <v>2133</v>
      </c>
      <c r="D132" s="278" t="s">
        <v>2244</v>
      </c>
      <c r="E132" s="284">
        <v>0.90800000000000003</v>
      </c>
    </row>
    <row r="133" spans="1:5" ht="13" customHeight="1" x14ac:dyDescent="0.35">
      <c r="A133" s="3"/>
      <c r="C133" s="3" t="s">
        <v>2133</v>
      </c>
      <c r="D133" s="3" t="s">
        <v>2246</v>
      </c>
      <c r="E133" s="284">
        <v>1</v>
      </c>
    </row>
    <row r="134" spans="1:5" ht="13" customHeight="1" x14ac:dyDescent="0.35">
      <c r="A134" s="3"/>
      <c r="C134" s="3" t="s">
        <v>2133</v>
      </c>
      <c r="D134" s="3" t="s">
        <v>2245</v>
      </c>
      <c r="E134" s="284">
        <v>1</v>
      </c>
    </row>
    <row r="135" spans="1:5" ht="13" customHeight="1" x14ac:dyDescent="0.35">
      <c r="A135" s="3"/>
      <c r="C135" s="3" t="s">
        <v>2133</v>
      </c>
      <c r="D135" s="3" t="s">
        <v>2248</v>
      </c>
      <c r="E135" s="284">
        <v>1</v>
      </c>
    </row>
    <row r="136" spans="1:5" ht="13" customHeight="1" x14ac:dyDescent="0.35">
      <c r="A136" s="3"/>
      <c r="C136" s="3" t="s">
        <v>2133</v>
      </c>
      <c r="D136" s="3" t="s">
        <v>2249</v>
      </c>
      <c r="E136" s="284">
        <v>1</v>
      </c>
    </row>
    <row r="137" spans="1:5" ht="13" customHeight="1" x14ac:dyDescent="0.35">
      <c r="A137" s="3"/>
      <c r="C137" s="3" t="s">
        <v>2133</v>
      </c>
      <c r="D137" s="3" t="s">
        <v>2250</v>
      </c>
      <c r="E137" s="284">
        <v>1</v>
      </c>
    </row>
    <row r="138" spans="1:5" ht="13" customHeight="1" x14ac:dyDescent="0.35">
      <c r="A138" s="3"/>
      <c r="C138" s="3" t="s">
        <v>2133</v>
      </c>
      <c r="D138" s="278" t="s">
        <v>2251</v>
      </c>
      <c r="E138" s="284">
        <v>0.94099999999999995</v>
      </c>
    </row>
    <row r="139" spans="1:5" ht="13" customHeight="1" x14ac:dyDescent="0.35">
      <c r="A139" s="3"/>
      <c r="C139" s="3" t="s">
        <v>2133</v>
      </c>
      <c r="D139" s="3" t="s">
        <v>2253</v>
      </c>
      <c r="E139" s="284">
        <v>1</v>
      </c>
    </row>
    <row r="140" spans="1:5" ht="13" customHeight="1" x14ac:dyDescent="0.35">
      <c r="A140" s="3"/>
      <c r="C140" s="3" t="s">
        <v>2133</v>
      </c>
      <c r="D140" s="3" t="s">
        <v>2254</v>
      </c>
      <c r="E140" s="284">
        <v>1</v>
      </c>
    </row>
    <row r="141" spans="1:5" ht="13" customHeight="1" x14ac:dyDescent="0.35">
      <c r="A141" s="3"/>
      <c r="C141" s="3" t="s">
        <v>2133</v>
      </c>
      <c r="D141" s="3" t="s">
        <v>2255</v>
      </c>
      <c r="E141" s="284">
        <v>1</v>
      </c>
    </row>
    <row r="142" spans="1:5" ht="13" customHeight="1" x14ac:dyDescent="0.35">
      <c r="A142" s="3"/>
      <c r="C142" s="3" t="s">
        <v>2133</v>
      </c>
      <c r="D142" s="3" t="s">
        <v>2256</v>
      </c>
      <c r="E142" s="284">
        <v>1</v>
      </c>
    </row>
    <row r="143" spans="1:5" ht="13" customHeight="1" x14ac:dyDescent="0.35">
      <c r="A143" s="3"/>
      <c r="C143" s="3" t="s">
        <v>2133</v>
      </c>
      <c r="D143" s="3" t="s">
        <v>2257</v>
      </c>
      <c r="E143" s="284">
        <v>1</v>
      </c>
    </row>
    <row r="144" spans="1:5" ht="13" customHeight="1" x14ac:dyDescent="0.35">
      <c r="A144" s="3"/>
      <c r="C144" s="3" t="s">
        <v>2133</v>
      </c>
      <c r="D144" s="3" t="s">
        <v>2258</v>
      </c>
      <c r="E144" s="284">
        <v>1</v>
      </c>
    </row>
    <row r="145" spans="1:5" ht="13" customHeight="1" x14ac:dyDescent="0.35">
      <c r="A145" s="3"/>
      <c r="C145" s="3" t="s">
        <v>2133</v>
      </c>
      <c r="D145" s="3" t="s">
        <v>2259</v>
      </c>
      <c r="E145" s="284">
        <v>1</v>
      </c>
    </row>
    <row r="146" spans="1:5" ht="13" customHeight="1" x14ac:dyDescent="0.35">
      <c r="A146" s="3"/>
      <c r="C146" s="3" t="s">
        <v>2133</v>
      </c>
      <c r="D146" s="3" t="s">
        <v>2260</v>
      </c>
      <c r="E146" s="284">
        <v>1</v>
      </c>
    </row>
    <row r="147" spans="1:5" ht="13" customHeight="1" x14ac:dyDescent="0.35">
      <c r="A147" s="3"/>
      <c r="C147" s="3" t="s">
        <v>2133</v>
      </c>
      <c r="D147" s="3" t="s">
        <v>2261</v>
      </c>
      <c r="E147" s="284">
        <v>1</v>
      </c>
    </row>
    <row r="148" spans="1:5" ht="13" customHeight="1" x14ac:dyDescent="0.35">
      <c r="A148" s="3"/>
      <c r="C148" s="3" t="s">
        <v>2133</v>
      </c>
      <c r="D148" s="3" t="s">
        <v>2321</v>
      </c>
      <c r="E148" s="284">
        <v>1</v>
      </c>
    </row>
    <row r="149" spans="1:5" ht="13" customHeight="1" x14ac:dyDescent="0.35">
      <c r="A149" s="3"/>
      <c r="C149" s="3" t="s">
        <v>2133</v>
      </c>
      <c r="D149" s="3" t="s">
        <v>2322</v>
      </c>
      <c r="E149" s="284">
        <v>1</v>
      </c>
    </row>
    <row r="150" spans="1:5" ht="13" customHeight="1" x14ac:dyDescent="0.35">
      <c r="A150" s="3"/>
      <c r="C150" s="3" t="s">
        <v>2133</v>
      </c>
      <c r="D150" s="3" t="s">
        <v>2262</v>
      </c>
      <c r="E150" s="284">
        <v>1</v>
      </c>
    </row>
    <row r="151" spans="1:5" ht="13" customHeight="1" x14ac:dyDescent="0.35">
      <c r="A151" s="3"/>
      <c r="C151" s="3" t="s">
        <v>2133</v>
      </c>
      <c r="D151" s="3" t="s">
        <v>2263</v>
      </c>
      <c r="E151" s="284">
        <v>1</v>
      </c>
    </row>
    <row r="152" spans="1:5" ht="13" customHeight="1" x14ac:dyDescent="0.35">
      <c r="A152" s="3"/>
      <c r="C152" s="3" t="s">
        <v>2133</v>
      </c>
      <c r="D152" s="3" t="s">
        <v>2265</v>
      </c>
      <c r="E152" s="284">
        <v>1</v>
      </c>
    </row>
    <row r="153" spans="1:5" ht="13" customHeight="1" x14ac:dyDescent="0.35">
      <c r="A153" s="3"/>
      <c r="C153" s="3" t="s">
        <v>2133</v>
      </c>
      <c r="D153" s="3" t="s">
        <v>2264</v>
      </c>
      <c r="E153" s="284">
        <v>1</v>
      </c>
    </row>
    <row r="154" spans="1:5" ht="13" customHeight="1" x14ac:dyDescent="0.35">
      <c r="A154" s="3"/>
      <c r="C154" s="3" t="s">
        <v>2133</v>
      </c>
      <c r="D154" s="3" t="s">
        <v>2266</v>
      </c>
      <c r="E154" s="284">
        <v>1</v>
      </c>
    </row>
    <row r="155" spans="1:5" ht="13" customHeight="1" x14ac:dyDescent="0.35">
      <c r="A155" s="3"/>
      <c r="C155" s="3" t="s">
        <v>2133</v>
      </c>
      <c r="D155" s="3" t="s">
        <v>2267</v>
      </c>
      <c r="E155" s="284">
        <v>1</v>
      </c>
    </row>
    <row r="156" spans="1:5" ht="13" customHeight="1" x14ac:dyDescent="0.35">
      <c r="A156" s="3"/>
      <c r="C156" s="3" t="s">
        <v>2133</v>
      </c>
      <c r="D156" s="3" t="s">
        <v>2268</v>
      </c>
      <c r="E156" s="284">
        <v>1</v>
      </c>
    </row>
    <row r="157" spans="1:5" ht="13" customHeight="1" x14ac:dyDescent="0.35">
      <c r="A157" s="3"/>
      <c r="C157" s="3" t="s">
        <v>2133</v>
      </c>
      <c r="D157" s="3" t="s">
        <v>2269</v>
      </c>
      <c r="E157" s="284">
        <v>1</v>
      </c>
    </row>
    <row r="158" spans="1:5" ht="13" customHeight="1" x14ac:dyDescent="0.35">
      <c r="A158" s="3"/>
      <c r="C158" s="3" t="s">
        <v>2133</v>
      </c>
      <c r="D158" s="3" t="s">
        <v>2270</v>
      </c>
      <c r="E158" s="284">
        <v>1</v>
      </c>
    </row>
    <row r="159" spans="1:5" ht="13" customHeight="1" x14ac:dyDescent="0.35">
      <c r="A159" s="3"/>
      <c r="C159" s="3" t="s">
        <v>2133</v>
      </c>
      <c r="D159" s="3" t="s">
        <v>2271</v>
      </c>
      <c r="E159" s="284">
        <v>1</v>
      </c>
    </row>
    <row r="160" spans="1:5" ht="13" customHeight="1" x14ac:dyDescent="0.35">
      <c r="A160" s="3"/>
      <c r="C160" s="3" t="s">
        <v>2133</v>
      </c>
      <c r="D160" s="3" t="s">
        <v>2272</v>
      </c>
      <c r="E160" s="284">
        <v>1</v>
      </c>
    </row>
    <row r="161" spans="1:5" ht="13" customHeight="1" x14ac:dyDescent="0.35">
      <c r="A161" s="3"/>
      <c r="C161" s="3" t="s">
        <v>2133</v>
      </c>
      <c r="D161" s="3" t="s">
        <v>2273</v>
      </c>
      <c r="E161" s="284">
        <v>1</v>
      </c>
    </row>
    <row r="162" spans="1:5" ht="13" customHeight="1" x14ac:dyDescent="0.35">
      <c r="A162" s="3"/>
      <c r="C162" s="3" t="s">
        <v>2133</v>
      </c>
      <c r="D162" s="3" t="s">
        <v>2274</v>
      </c>
      <c r="E162" s="284">
        <v>1</v>
      </c>
    </row>
    <row r="163" spans="1:5" ht="13" customHeight="1" x14ac:dyDescent="0.35">
      <c r="A163" s="3"/>
      <c r="C163" s="3" t="s">
        <v>2133</v>
      </c>
      <c r="D163" s="3" t="s">
        <v>2319</v>
      </c>
      <c r="E163" s="284">
        <v>1</v>
      </c>
    </row>
    <row r="164" spans="1:5" ht="13" customHeight="1" x14ac:dyDescent="0.35">
      <c r="A164" s="3"/>
      <c r="C164" s="3" t="s">
        <v>2133</v>
      </c>
      <c r="D164" s="3" t="s">
        <v>2275</v>
      </c>
      <c r="E164" s="284">
        <v>1</v>
      </c>
    </row>
    <row r="165" spans="1:5" ht="13" customHeight="1" x14ac:dyDescent="0.35">
      <c r="A165" s="3"/>
      <c r="C165" s="3" t="s">
        <v>2133</v>
      </c>
      <c r="D165" s="3" t="s">
        <v>2277</v>
      </c>
      <c r="E165" s="284">
        <v>1</v>
      </c>
    </row>
    <row r="166" spans="1:5" ht="13" customHeight="1" x14ac:dyDescent="0.35">
      <c r="A166" s="3"/>
      <c r="C166" s="3" t="s">
        <v>2133</v>
      </c>
      <c r="D166" s="3" t="s">
        <v>2278</v>
      </c>
      <c r="E166" s="284">
        <v>1</v>
      </c>
    </row>
    <row r="167" spans="1:5" ht="13" customHeight="1" x14ac:dyDescent="0.35">
      <c r="A167" s="3"/>
      <c r="C167" s="3" t="s">
        <v>2133</v>
      </c>
      <c r="D167" s="3" t="s">
        <v>2279</v>
      </c>
      <c r="E167" s="284">
        <v>1</v>
      </c>
    </row>
    <row r="168" spans="1:5" ht="13" customHeight="1" x14ac:dyDescent="0.35">
      <c r="A168" s="3"/>
      <c r="C168" s="3" t="s">
        <v>2133</v>
      </c>
      <c r="D168" s="3" t="s">
        <v>2280</v>
      </c>
      <c r="E168" s="284">
        <v>1</v>
      </c>
    </row>
    <row r="169" spans="1:5" ht="13" customHeight="1" x14ac:dyDescent="0.35">
      <c r="A169" s="3"/>
      <c r="C169" s="3" t="s">
        <v>2133</v>
      </c>
      <c r="D169" s="3" t="s">
        <v>2281</v>
      </c>
      <c r="E169" s="284">
        <v>1</v>
      </c>
    </row>
    <row r="170" spans="1:5" ht="13" customHeight="1" x14ac:dyDescent="0.35">
      <c r="A170" s="3"/>
      <c r="C170" s="3" t="s">
        <v>2133</v>
      </c>
      <c r="D170" s="3" t="s">
        <v>2282</v>
      </c>
      <c r="E170" s="284">
        <v>1</v>
      </c>
    </row>
    <row r="171" spans="1:5" ht="13" customHeight="1" x14ac:dyDescent="0.35">
      <c r="A171" s="3"/>
      <c r="C171" s="3" t="s">
        <v>2133</v>
      </c>
      <c r="D171" s="3" t="s">
        <v>2283</v>
      </c>
      <c r="E171" s="284">
        <v>1</v>
      </c>
    </row>
    <row r="172" spans="1:5" ht="13" customHeight="1" x14ac:dyDescent="0.35">
      <c r="A172" s="3"/>
      <c r="C172" s="3" t="s">
        <v>2133</v>
      </c>
      <c r="D172" s="3" t="s">
        <v>2284</v>
      </c>
      <c r="E172" s="284">
        <v>1</v>
      </c>
    </row>
    <row r="173" spans="1:5" ht="13" customHeight="1" x14ac:dyDescent="0.35">
      <c r="A173" s="3"/>
      <c r="C173" s="3" t="s">
        <v>2133</v>
      </c>
      <c r="D173" s="3" t="s">
        <v>1670</v>
      </c>
      <c r="E173" s="284">
        <v>1</v>
      </c>
    </row>
    <row r="174" spans="1:5" ht="13" customHeight="1" x14ac:dyDescent="0.35">
      <c r="A174" s="3"/>
      <c r="C174" s="3" t="s">
        <v>2133</v>
      </c>
      <c r="D174" s="3" t="s">
        <v>600</v>
      </c>
      <c r="E174" s="284">
        <v>1</v>
      </c>
    </row>
    <row r="175" spans="1:5" ht="13" customHeight="1" x14ac:dyDescent="0.35">
      <c r="A175" s="3"/>
      <c r="C175" s="3" t="s">
        <v>2133</v>
      </c>
      <c r="D175" s="3" t="s">
        <v>2286</v>
      </c>
      <c r="E175" s="284">
        <v>1</v>
      </c>
    </row>
    <row r="176" spans="1:5" ht="13" customHeight="1" x14ac:dyDescent="0.35">
      <c r="A176" s="3"/>
      <c r="C176" s="3" t="s">
        <v>2133</v>
      </c>
      <c r="D176" s="3" t="s">
        <v>2287</v>
      </c>
      <c r="E176" s="284">
        <v>1</v>
      </c>
    </row>
    <row r="177" spans="1:5" ht="13" customHeight="1" x14ac:dyDescent="0.35">
      <c r="A177" s="3"/>
      <c r="C177" s="3" t="s">
        <v>2133</v>
      </c>
      <c r="D177" s="3" t="s">
        <v>2288</v>
      </c>
      <c r="E177" s="284">
        <v>1</v>
      </c>
    </row>
    <row r="178" spans="1:5" ht="13" customHeight="1" x14ac:dyDescent="0.35">
      <c r="A178" s="3"/>
      <c r="C178" s="3" t="s">
        <v>2133</v>
      </c>
      <c r="D178" s="3" t="s">
        <v>2289</v>
      </c>
      <c r="E178" s="284">
        <v>1</v>
      </c>
    </row>
    <row r="179" spans="1:5" ht="13" customHeight="1" x14ac:dyDescent="0.35">
      <c r="A179" s="3"/>
      <c r="C179" s="3" t="s">
        <v>2133</v>
      </c>
      <c r="D179" s="3" t="s">
        <v>169</v>
      </c>
      <c r="E179" s="284">
        <v>1</v>
      </c>
    </row>
    <row r="180" spans="1:5" ht="13" customHeight="1" x14ac:dyDescent="0.35">
      <c r="A180" s="3"/>
      <c r="C180" s="3" t="s">
        <v>2133</v>
      </c>
      <c r="D180" s="3" t="s">
        <v>2290</v>
      </c>
      <c r="E180" s="284">
        <v>1</v>
      </c>
    </row>
    <row r="181" spans="1:5" ht="13" customHeight="1" x14ac:dyDescent="0.35">
      <c r="A181" s="3"/>
      <c r="C181" s="3" t="s">
        <v>2133</v>
      </c>
      <c r="D181" s="3" t="s">
        <v>2295</v>
      </c>
      <c r="E181" s="284">
        <v>1</v>
      </c>
    </row>
    <row r="182" spans="1:5" ht="13" customHeight="1" x14ac:dyDescent="0.35">
      <c r="A182" s="3"/>
      <c r="C182" s="3" t="s">
        <v>2133</v>
      </c>
      <c r="D182" s="3" t="s">
        <v>2291</v>
      </c>
      <c r="E182" s="284">
        <v>1</v>
      </c>
    </row>
    <row r="183" spans="1:5" ht="13" customHeight="1" x14ac:dyDescent="0.35">
      <c r="A183" s="3"/>
      <c r="C183" s="3" t="s">
        <v>2133</v>
      </c>
      <c r="D183" s="3" t="s">
        <v>2292</v>
      </c>
      <c r="E183" s="284">
        <v>1</v>
      </c>
    </row>
    <row r="184" spans="1:5" ht="13" customHeight="1" x14ac:dyDescent="0.35">
      <c r="A184" s="3"/>
      <c r="C184" s="3" t="s">
        <v>2133</v>
      </c>
      <c r="D184" s="3" t="s">
        <v>2293</v>
      </c>
      <c r="E184" s="284">
        <v>1</v>
      </c>
    </row>
    <row r="185" spans="1:5" ht="13" customHeight="1" x14ac:dyDescent="0.35">
      <c r="A185" s="3"/>
      <c r="C185" s="3" t="s">
        <v>2133</v>
      </c>
      <c r="D185" s="3" t="s">
        <v>2294</v>
      </c>
      <c r="E185" s="284">
        <v>1</v>
      </c>
    </row>
    <row r="186" spans="1:5" ht="13" customHeight="1" x14ac:dyDescent="0.35">
      <c r="A186" s="3"/>
      <c r="C186" s="3" t="s">
        <v>2133</v>
      </c>
      <c r="D186" s="3" t="s">
        <v>2296</v>
      </c>
      <c r="E186" s="284">
        <v>1</v>
      </c>
    </row>
    <row r="187" spans="1:5" ht="13" customHeight="1" x14ac:dyDescent="0.35">
      <c r="A187" s="3"/>
      <c r="C187" s="3" t="s">
        <v>2133</v>
      </c>
      <c r="D187" s="3" t="s">
        <v>2297</v>
      </c>
      <c r="E187" s="284">
        <v>1</v>
      </c>
    </row>
    <row r="188" spans="1:5" ht="13" customHeight="1" x14ac:dyDescent="0.35">
      <c r="A188" s="3"/>
      <c r="C188" s="3" t="s">
        <v>2133</v>
      </c>
      <c r="D188" s="3" t="s">
        <v>2152</v>
      </c>
      <c r="E188" s="284">
        <v>1</v>
      </c>
    </row>
    <row r="189" spans="1:5" ht="13" customHeight="1" x14ac:dyDescent="0.35">
      <c r="A189" s="3"/>
      <c r="C189" s="3" t="s">
        <v>2133</v>
      </c>
      <c r="D189" s="3" t="s">
        <v>2298</v>
      </c>
      <c r="E189" s="284">
        <v>1</v>
      </c>
    </row>
    <row r="190" spans="1:5" ht="13" customHeight="1" x14ac:dyDescent="0.35">
      <c r="A190" s="3"/>
      <c r="C190" s="3" t="s">
        <v>2133</v>
      </c>
      <c r="D190" s="3" t="s">
        <v>2299</v>
      </c>
      <c r="E190" s="284">
        <v>1</v>
      </c>
    </row>
    <row r="191" spans="1:5" ht="13" customHeight="1" x14ac:dyDescent="0.35">
      <c r="A191" s="3"/>
      <c r="C191" s="3" t="s">
        <v>2133</v>
      </c>
      <c r="D191" s="3" t="s">
        <v>2300</v>
      </c>
      <c r="E191" s="284">
        <v>1</v>
      </c>
    </row>
    <row r="192" spans="1:5" ht="13" customHeight="1" x14ac:dyDescent="0.35">
      <c r="A192" s="3"/>
      <c r="C192" s="3" t="s">
        <v>2133</v>
      </c>
      <c r="D192" s="3" t="s">
        <v>606</v>
      </c>
      <c r="E192" s="284">
        <v>1</v>
      </c>
    </row>
    <row r="193" spans="1:5" ht="13" customHeight="1" x14ac:dyDescent="0.35">
      <c r="A193" s="3"/>
      <c r="C193" s="3" t="s">
        <v>2133</v>
      </c>
      <c r="D193" s="3" t="s">
        <v>2301</v>
      </c>
      <c r="E193" s="284">
        <v>1</v>
      </c>
    </row>
    <row r="194" spans="1:5" ht="13" customHeight="1" x14ac:dyDescent="0.35">
      <c r="A194" s="3"/>
      <c r="C194" s="3" t="s">
        <v>2133</v>
      </c>
      <c r="D194" s="3" t="s">
        <v>2302</v>
      </c>
      <c r="E194" s="284">
        <v>1</v>
      </c>
    </row>
    <row r="195" spans="1:5" ht="13" customHeight="1" x14ac:dyDescent="0.35">
      <c r="A195" s="3"/>
      <c r="C195" s="3" t="s">
        <v>2133</v>
      </c>
      <c r="D195" s="3" t="s">
        <v>2317</v>
      </c>
      <c r="E195" s="284">
        <v>1</v>
      </c>
    </row>
    <row r="196" spans="1:5" ht="13" customHeight="1" x14ac:dyDescent="0.35">
      <c r="A196" s="3"/>
      <c r="C196" s="3" t="s">
        <v>2133</v>
      </c>
      <c r="D196" s="3" t="s">
        <v>613</v>
      </c>
      <c r="E196" s="284">
        <v>1</v>
      </c>
    </row>
    <row r="197" spans="1:5" ht="13" customHeight="1" x14ac:dyDescent="0.35">
      <c r="A197" s="3"/>
      <c r="C197" s="3" t="s">
        <v>2133</v>
      </c>
      <c r="D197" s="3" t="s">
        <v>2303</v>
      </c>
      <c r="E197" s="284">
        <v>1</v>
      </c>
    </row>
    <row r="198" spans="1:5" ht="13" customHeight="1" x14ac:dyDescent="0.35">
      <c r="A198" s="3"/>
      <c r="C198" s="3" t="s">
        <v>2133</v>
      </c>
      <c r="D198" s="3" t="s">
        <v>2304</v>
      </c>
      <c r="E198" s="284">
        <v>1</v>
      </c>
    </row>
    <row r="199" spans="1:5" ht="13" customHeight="1" x14ac:dyDescent="0.35">
      <c r="A199" s="3"/>
      <c r="C199" s="3" t="s">
        <v>2133</v>
      </c>
      <c r="D199" s="3" t="s">
        <v>2320</v>
      </c>
      <c r="E199" s="284">
        <v>1</v>
      </c>
    </row>
    <row r="200" spans="1:5" ht="13" customHeight="1" x14ac:dyDescent="0.35">
      <c r="A200" s="3"/>
      <c r="C200" s="3" t="s">
        <v>2133</v>
      </c>
      <c r="D200" s="3" t="s">
        <v>2305</v>
      </c>
      <c r="E200" s="284">
        <v>1</v>
      </c>
    </row>
    <row r="201" spans="1:5" ht="13" customHeight="1" x14ac:dyDescent="0.35">
      <c r="A201" s="3"/>
      <c r="C201" s="3" t="s">
        <v>2133</v>
      </c>
      <c r="D201" s="278" t="s">
        <v>2747</v>
      </c>
      <c r="E201" s="284">
        <v>0.93899999999999995</v>
      </c>
    </row>
    <row r="202" spans="1:5" ht="13" customHeight="1" x14ac:dyDescent="0.35">
      <c r="A202" s="3"/>
      <c r="C202" s="3" t="s">
        <v>2133</v>
      </c>
      <c r="D202" s="3" t="s">
        <v>2306</v>
      </c>
      <c r="E202" s="284">
        <v>1</v>
      </c>
    </row>
    <row r="203" spans="1:5" ht="13" customHeight="1" x14ac:dyDescent="0.35">
      <c r="A203" s="3"/>
      <c r="C203" s="3" t="s">
        <v>2133</v>
      </c>
      <c r="D203" s="278" t="s">
        <v>2212</v>
      </c>
      <c r="E203" s="284">
        <v>0.84299999999999997</v>
      </c>
    </row>
    <row r="204" spans="1:5" ht="13" customHeight="1" x14ac:dyDescent="0.35">
      <c r="A204" s="3"/>
      <c r="C204" s="3" t="s">
        <v>2133</v>
      </c>
      <c r="D204" s="3" t="s">
        <v>2217</v>
      </c>
      <c r="E204" s="284">
        <v>1</v>
      </c>
    </row>
    <row r="205" spans="1:5" ht="13" customHeight="1" x14ac:dyDescent="0.35">
      <c r="A205" s="3"/>
      <c r="C205" s="3" t="s">
        <v>2133</v>
      </c>
      <c r="D205" s="3" t="s">
        <v>2307</v>
      </c>
      <c r="E205" s="284">
        <v>1</v>
      </c>
    </row>
    <row r="206" spans="1:5" ht="13" customHeight="1" x14ac:dyDescent="0.35">
      <c r="A206" s="3"/>
      <c r="C206" s="3" t="s">
        <v>2133</v>
      </c>
      <c r="D206" s="3" t="s">
        <v>2308</v>
      </c>
      <c r="E206" s="284">
        <v>1</v>
      </c>
    </row>
    <row r="207" spans="1:5" ht="13" customHeight="1" x14ac:dyDescent="0.35">
      <c r="A207" s="3"/>
      <c r="C207" s="3" t="s">
        <v>2133</v>
      </c>
      <c r="D207" s="3" t="s">
        <v>2309</v>
      </c>
      <c r="E207" s="284">
        <v>1</v>
      </c>
    </row>
    <row r="208" spans="1:5" ht="13" customHeight="1" x14ac:dyDescent="0.35">
      <c r="A208" s="3"/>
      <c r="C208" s="3" t="s">
        <v>2133</v>
      </c>
      <c r="D208" s="3" t="s">
        <v>742</v>
      </c>
      <c r="E208" s="284">
        <v>1</v>
      </c>
    </row>
    <row r="209" spans="1:5" ht="13" customHeight="1" x14ac:dyDescent="0.35">
      <c r="A209" s="3"/>
      <c r="C209" s="3" t="s">
        <v>2133</v>
      </c>
      <c r="D209" s="3" t="s">
        <v>119</v>
      </c>
      <c r="E209" s="284">
        <v>1</v>
      </c>
    </row>
    <row r="210" spans="1:5" ht="13" customHeight="1" x14ac:dyDescent="0.35">
      <c r="A210" s="3"/>
      <c r="C210" s="3" t="s">
        <v>2133</v>
      </c>
      <c r="D210" s="3" t="s">
        <v>2310</v>
      </c>
      <c r="E210" s="284">
        <v>1</v>
      </c>
    </row>
    <row r="211" spans="1:5" ht="13" customHeight="1" x14ac:dyDescent="0.35">
      <c r="A211" s="3"/>
      <c r="C211" s="3" t="s">
        <v>2133</v>
      </c>
      <c r="D211" s="3" t="s">
        <v>2311</v>
      </c>
      <c r="E211" s="284">
        <v>1</v>
      </c>
    </row>
    <row r="212" spans="1:5" ht="13" customHeight="1" x14ac:dyDescent="0.35">
      <c r="A212" s="3"/>
      <c r="C212" s="3" t="s">
        <v>2133</v>
      </c>
      <c r="D212" s="3" t="s">
        <v>2312</v>
      </c>
      <c r="E212" s="284">
        <v>1</v>
      </c>
    </row>
    <row r="213" spans="1:5" ht="13" customHeight="1" x14ac:dyDescent="0.35">
      <c r="A213" s="3"/>
      <c r="C213" s="3" t="s">
        <v>2133</v>
      </c>
      <c r="D213" s="3" t="s">
        <v>2313</v>
      </c>
      <c r="E213" s="284">
        <v>1</v>
      </c>
    </row>
    <row r="214" spans="1:5" ht="13" customHeight="1" x14ac:dyDescent="0.35">
      <c r="A214" s="3"/>
      <c r="C214" s="3" t="s">
        <v>2133</v>
      </c>
      <c r="D214" s="3" t="s">
        <v>2733</v>
      </c>
      <c r="E214" s="284">
        <v>0.89600000000000002</v>
      </c>
    </row>
    <row r="215" spans="1:5" ht="13" customHeight="1" x14ac:dyDescent="0.35">
      <c r="A215" s="3"/>
      <c r="C215" s="3"/>
      <c r="D215" s="3"/>
      <c r="E215" s="3"/>
    </row>
    <row r="216" spans="1:5" ht="13" customHeight="1" x14ac:dyDescent="0.35">
      <c r="A216" s="3"/>
      <c r="C216" s="3"/>
      <c r="D216" s="3"/>
      <c r="E216" s="3"/>
    </row>
    <row r="217" spans="1:5" ht="13" customHeight="1" x14ac:dyDescent="0.35">
      <c r="A217" s="3"/>
      <c r="C217" s="3"/>
      <c r="D217" s="3"/>
      <c r="E217" s="3"/>
    </row>
    <row r="218" spans="1:5" ht="13" customHeight="1" x14ac:dyDescent="0.35">
      <c r="A218" s="3"/>
      <c r="C218" s="3"/>
      <c r="D218" s="3"/>
      <c r="E218" s="3"/>
    </row>
    <row r="219" spans="1:5" ht="13" customHeight="1" x14ac:dyDescent="0.35">
      <c r="A219" s="3"/>
      <c r="C219" s="3"/>
      <c r="D219" s="3"/>
      <c r="E219" s="3"/>
    </row>
    <row r="220" spans="1:5" ht="13" customHeight="1" x14ac:dyDescent="0.35">
      <c r="A220" s="3"/>
      <c r="C220" s="3"/>
      <c r="D220" s="3"/>
      <c r="E220" s="3"/>
    </row>
    <row r="221" spans="1:5" ht="13" customHeight="1" x14ac:dyDescent="0.35">
      <c r="A221" s="3"/>
      <c r="C221" s="3"/>
      <c r="D221" s="3"/>
      <c r="E221" s="3"/>
    </row>
    <row r="222" spans="1:5" ht="13" customHeight="1" x14ac:dyDescent="0.35">
      <c r="A222" s="3"/>
      <c r="C222" s="3"/>
      <c r="D222" s="3"/>
      <c r="E222" s="3"/>
    </row>
    <row r="223" spans="1:5" ht="13" customHeight="1" x14ac:dyDescent="0.35">
      <c r="A223" s="3"/>
      <c r="C223" s="3"/>
      <c r="D223" s="3"/>
      <c r="E223" s="3"/>
    </row>
    <row r="224" spans="1:5" ht="13" customHeight="1" x14ac:dyDescent="0.35">
      <c r="A224" s="3"/>
      <c r="C224" s="3"/>
      <c r="D224" s="3"/>
      <c r="E224" s="3"/>
    </row>
    <row r="225" spans="1:5" ht="13" customHeight="1" x14ac:dyDescent="0.35">
      <c r="A225" s="3"/>
      <c r="C225" s="3"/>
      <c r="D225" s="3"/>
      <c r="E225" s="3"/>
    </row>
    <row r="226" spans="1:5" ht="13" customHeight="1" x14ac:dyDescent="0.35">
      <c r="A226" s="3"/>
      <c r="C226" s="3"/>
      <c r="D226" s="3"/>
      <c r="E226" s="3"/>
    </row>
    <row r="227" spans="1:5" ht="13" customHeight="1" x14ac:dyDescent="0.35">
      <c r="A227" s="3"/>
      <c r="C227" s="3"/>
      <c r="D227" s="3"/>
      <c r="E227" s="3"/>
    </row>
    <row r="228" spans="1:5" ht="13" customHeight="1" x14ac:dyDescent="0.35">
      <c r="A228" s="3"/>
      <c r="C228" s="3"/>
      <c r="D228" s="3"/>
      <c r="E228" s="3"/>
    </row>
    <row r="229" spans="1:5" ht="13" customHeight="1" x14ac:dyDescent="0.35">
      <c r="A229" s="3"/>
      <c r="C229" s="3"/>
      <c r="D229" s="3"/>
      <c r="E229" s="3"/>
    </row>
    <row r="230" spans="1:5" ht="13" customHeight="1" x14ac:dyDescent="0.35">
      <c r="A230" s="3"/>
      <c r="C230" s="3"/>
      <c r="D230" s="3"/>
      <c r="E230" s="3"/>
    </row>
    <row r="231" spans="1:5" ht="13" customHeight="1" x14ac:dyDescent="0.35">
      <c r="A231" s="3"/>
      <c r="C231" s="3"/>
      <c r="D231" s="3"/>
      <c r="E231" s="3"/>
    </row>
    <row r="232" spans="1:5" ht="13" customHeight="1" x14ac:dyDescent="0.35">
      <c r="A232" s="3"/>
      <c r="C232" s="3"/>
      <c r="D232" s="3"/>
      <c r="E232" s="3"/>
    </row>
    <row r="233" spans="1:5" ht="13" customHeight="1" x14ac:dyDescent="0.35">
      <c r="A233" s="3"/>
      <c r="C233" s="3"/>
      <c r="D233" s="3"/>
      <c r="E233" s="3"/>
    </row>
    <row r="234" spans="1:5" ht="13" customHeight="1" x14ac:dyDescent="0.35">
      <c r="A234" s="3"/>
      <c r="C234" s="3"/>
      <c r="D234" s="3"/>
      <c r="E234" s="3"/>
    </row>
    <row r="235" spans="1:5" ht="13" customHeight="1" x14ac:dyDescent="0.35">
      <c r="A235" s="3"/>
      <c r="C235" s="3"/>
      <c r="D235" s="3"/>
      <c r="E235" s="3"/>
    </row>
    <row r="236" spans="1:5" ht="13" customHeight="1" x14ac:dyDescent="0.35">
      <c r="A236" s="3"/>
      <c r="C236" s="3"/>
      <c r="D236" s="3"/>
      <c r="E236" s="3"/>
    </row>
    <row r="237" spans="1:5" ht="13" customHeight="1" x14ac:dyDescent="0.35">
      <c r="A237" s="3"/>
      <c r="C237" s="3"/>
      <c r="D237" s="3"/>
      <c r="E237" s="3"/>
    </row>
    <row r="238" spans="1:5" ht="13" customHeight="1" x14ac:dyDescent="0.35">
      <c r="A238" s="3"/>
      <c r="C238" s="3"/>
      <c r="D238" s="3"/>
      <c r="E238" s="3"/>
    </row>
    <row r="239" spans="1:5" ht="13" customHeight="1" x14ac:dyDescent="0.35">
      <c r="A239" s="3"/>
      <c r="C239" s="3"/>
      <c r="D239" s="3"/>
      <c r="E239" s="3"/>
    </row>
    <row r="240" spans="1:5" ht="13" customHeight="1" x14ac:dyDescent="0.35">
      <c r="A240" s="3"/>
      <c r="C240" s="3"/>
      <c r="D240" s="3"/>
      <c r="E240" s="3"/>
    </row>
    <row r="241" spans="1:5" ht="13" customHeight="1" x14ac:dyDescent="0.35">
      <c r="A241" s="3"/>
      <c r="C241" s="3"/>
      <c r="D241" s="3"/>
      <c r="E241" s="3"/>
    </row>
    <row r="242" spans="1:5" ht="13" customHeight="1" x14ac:dyDescent="0.35">
      <c r="A242" s="3"/>
      <c r="C242" s="3"/>
      <c r="D242" s="3"/>
      <c r="E242" s="3"/>
    </row>
    <row r="243" spans="1:5" ht="13" customHeight="1" x14ac:dyDescent="0.35">
      <c r="A243" s="3"/>
      <c r="C243" s="3"/>
      <c r="D243" s="3"/>
      <c r="E243" s="3"/>
    </row>
    <row r="244" spans="1:5" ht="13" customHeight="1" x14ac:dyDescent="0.35">
      <c r="A244" s="3"/>
      <c r="C244" s="3"/>
      <c r="D244" s="3"/>
      <c r="E244" s="3"/>
    </row>
    <row r="245" spans="1:5" ht="13" customHeight="1" x14ac:dyDescent="0.35">
      <c r="A245" s="3"/>
      <c r="C245" s="3"/>
      <c r="D245" s="3"/>
      <c r="E245" s="3"/>
    </row>
    <row r="246" spans="1:5" ht="13" customHeight="1" x14ac:dyDescent="0.35">
      <c r="A246" s="3"/>
      <c r="C246" s="3"/>
      <c r="D246" s="3"/>
      <c r="E246" s="3"/>
    </row>
    <row r="247" spans="1:5" ht="13" customHeight="1" x14ac:dyDescent="0.35">
      <c r="A247" s="3"/>
      <c r="C247" s="3"/>
      <c r="D247" s="3"/>
      <c r="E247" s="3"/>
    </row>
    <row r="248" spans="1:5" ht="13" customHeight="1" x14ac:dyDescent="0.35">
      <c r="A248" s="3"/>
      <c r="C248" s="3"/>
      <c r="D248" s="3"/>
      <c r="E248" s="3"/>
    </row>
    <row r="249" spans="1:5" ht="13" customHeight="1" x14ac:dyDescent="0.35">
      <c r="A249" s="3"/>
      <c r="C249" s="3"/>
      <c r="D249" s="3"/>
      <c r="E249" s="3"/>
    </row>
    <row r="250" spans="1:5" ht="13" customHeight="1" x14ac:dyDescent="0.35">
      <c r="A250" s="3"/>
      <c r="C250" s="3"/>
      <c r="D250" s="3"/>
      <c r="E250" s="3"/>
    </row>
    <row r="251" spans="1:5" ht="13" customHeight="1" x14ac:dyDescent="0.35">
      <c r="A251" s="3"/>
      <c r="C251" s="3"/>
      <c r="D251" s="3"/>
      <c r="E251" s="3"/>
    </row>
    <row r="252" spans="1:5" ht="13" customHeight="1" x14ac:dyDescent="0.35">
      <c r="A252" s="3"/>
      <c r="C252" s="3"/>
      <c r="D252" s="3"/>
      <c r="E252" s="3"/>
    </row>
    <row r="253" spans="1:5" ht="13" customHeight="1" x14ac:dyDescent="0.35">
      <c r="A253" s="3"/>
      <c r="C253" s="3"/>
      <c r="D253" s="3"/>
      <c r="E253" s="3"/>
    </row>
    <row r="254" spans="1:5" ht="13" customHeight="1" x14ac:dyDescent="0.35">
      <c r="A254" s="3"/>
      <c r="C254" s="3"/>
      <c r="D254" s="3"/>
      <c r="E254" s="3"/>
    </row>
    <row r="255" spans="1:5" ht="13" customHeight="1" x14ac:dyDescent="0.35">
      <c r="A255" s="3"/>
      <c r="C255" s="3"/>
      <c r="D255" s="3"/>
      <c r="E255" s="3"/>
    </row>
    <row r="256" spans="1:5" ht="13" customHeight="1" x14ac:dyDescent="0.35">
      <c r="A256" s="3"/>
      <c r="C256" s="3"/>
      <c r="D256" s="3"/>
      <c r="E256" s="3"/>
    </row>
    <row r="257" spans="1:5" ht="13" customHeight="1" x14ac:dyDescent="0.35">
      <c r="A257" s="3"/>
      <c r="C257" s="3"/>
      <c r="D257" s="3"/>
      <c r="E257" s="3"/>
    </row>
    <row r="258" spans="1:5" ht="13" customHeight="1" x14ac:dyDescent="0.35">
      <c r="A258" s="3"/>
      <c r="C258" s="3"/>
      <c r="D258" s="3"/>
      <c r="E258" s="3"/>
    </row>
    <row r="259" spans="1:5" ht="13" customHeight="1" x14ac:dyDescent="0.35">
      <c r="A259" s="3"/>
      <c r="C259" s="3"/>
      <c r="D259" s="3"/>
      <c r="E259" s="3"/>
    </row>
    <row r="260" spans="1:5" ht="13" customHeight="1" x14ac:dyDescent="0.35">
      <c r="A260" s="3"/>
      <c r="C260" s="3"/>
      <c r="D260" s="3"/>
      <c r="E260" s="3"/>
    </row>
    <row r="261" spans="1:5" ht="13" customHeight="1" x14ac:dyDescent="0.35">
      <c r="A261" s="3"/>
      <c r="C261" s="3"/>
      <c r="D261" s="3"/>
      <c r="E261" s="3"/>
    </row>
    <row r="262" spans="1:5" ht="13" customHeight="1" x14ac:dyDescent="0.35">
      <c r="A262" s="3"/>
      <c r="C262" s="3"/>
      <c r="D262" s="3"/>
      <c r="E262" s="3"/>
    </row>
    <row r="263" spans="1:5" ht="13" customHeight="1" x14ac:dyDescent="0.35">
      <c r="A263" s="3"/>
      <c r="C263" s="3"/>
      <c r="D263" s="3"/>
      <c r="E263" s="3"/>
    </row>
    <row r="264" spans="1:5" ht="13" customHeight="1" x14ac:dyDescent="0.35">
      <c r="A264" s="3"/>
      <c r="C264" s="3"/>
      <c r="D264" s="3"/>
      <c r="E264" s="3"/>
    </row>
    <row r="265" spans="1:5" ht="13" customHeight="1" x14ac:dyDescent="0.35">
      <c r="A265" s="3"/>
      <c r="C265" s="3"/>
      <c r="D265" s="3"/>
      <c r="E265" s="3"/>
    </row>
    <row r="266" spans="1:5" ht="13" customHeight="1" x14ac:dyDescent="0.35">
      <c r="A266" s="3"/>
      <c r="C266" s="3"/>
      <c r="D266" s="3"/>
      <c r="E266" s="3"/>
    </row>
    <row r="267" spans="1:5" ht="13" customHeight="1" x14ac:dyDescent="0.35">
      <c r="A267" s="3"/>
      <c r="C267" s="3"/>
      <c r="D267" s="3"/>
      <c r="E267" s="3"/>
    </row>
    <row r="268" spans="1:5" ht="13" customHeight="1" x14ac:dyDescent="0.35">
      <c r="A268" s="3"/>
      <c r="C268" s="3"/>
      <c r="D268" s="3"/>
      <c r="E268" s="3"/>
    </row>
    <row r="269" spans="1:5" ht="13" customHeight="1" x14ac:dyDescent="0.35">
      <c r="A269" s="3"/>
      <c r="C269" s="3"/>
      <c r="D269" s="3"/>
      <c r="E269" s="3"/>
    </row>
    <row r="270" spans="1:5" ht="13" customHeight="1" x14ac:dyDescent="0.35">
      <c r="A270" s="3"/>
      <c r="C270" s="3"/>
      <c r="D270" s="3"/>
      <c r="E270" s="3"/>
    </row>
    <row r="271" spans="1:5" ht="13" customHeight="1" x14ac:dyDescent="0.35">
      <c r="A271" s="3"/>
      <c r="C271" s="3"/>
      <c r="D271" s="3"/>
      <c r="E271" s="3"/>
    </row>
    <row r="272" spans="1:5" ht="13" customHeight="1" x14ac:dyDescent="0.35">
      <c r="A272" s="3"/>
      <c r="C272" s="3"/>
      <c r="D272" s="3"/>
      <c r="E272" s="3"/>
    </row>
    <row r="273" spans="1:5" ht="13" customHeight="1" x14ac:dyDescent="0.35">
      <c r="A273" s="3"/>
      <c r="C273" s="3"/>
      <c r="D273" s="3"/>
      <c r="E273" s="3"/>
    </row>
    <row r="274" spans="1:5" ht="13" customHeight="1" x14ac:dyDescent="0.35">
      <c r="A274" s="3"/>
      <c r="C274" s="3"/>
      <c r="D274" s="3"/>
      <c r="E274" s="3"/>
    </row>
    <row r="275" spans="1:5" ht="13" customHeight="1" x14ac:dyDescent="0.35">
      <c r="A275" s="3"/>
      <c r="C275" s="3"/>
      <c r="D275" s="3"/>
      <c r="E275" s="3"/>
    </row>
    <row r="276" spans="1:5" ht="13" customHeight="1" x14ac:dyDescent="0.35">
      <c r="A276" s="3"/>
      <c r="C276" s="3"/>
      <c r="D276" s="3"/>
      <c r="E276" s="3"/>
    </row>
    <row r="277" spans="1:5" ht="13" customHeight="1" x14ac:dyDescent="0.35">
      <c r="A277" s="3"/>
      <c r="C277" s="3"/>
      <c r="D277" s="3"/>
      <c r="E277" s="3"/>
    </row>
    <row r="278" spans="1:5" ht="13" customHeight="1" x14ac:dyDescent="0.35">
      <c r="A278" s="3"/>
      <c r="C278" s="3"/>
      <c r="D278" s="3"/>
      <c r="E278" s="3"/>
    </row>
    <row r="279" spans="1:5" ht="13" customHeight="1" x14ac:dyDescent="0.35">
      <c r="A279" s="3"/>
      <c r="C279" s="3"/>
      <c r="D279" s="3"/>
      <c r="E279" s="3"/>
    </row>
    <row r="280" spans="1:5" ht="13" customHeight="1" x14ac:dyDescent="0.35">
      <c r="A280" s="3"/>
      <c r="C280" s="3"/>
      <c r="D280" s="3"/>
      <c r="E280" s="3"/>
    </row>
    <row r="281" spans="1:5" ht="13" customHeight="1" x14ac:dyDescent="0.35">
      <c r="A281" s="3"/>
      <c r="C281" s="3"/>
      <c r="D281" s="3"/>
      <c r="E281" s="3"/>
    </row>
    <row r="282" spans="1:5" ht="13" customHeight="1" x14ac:dyDescent="0.35">
      <c r="A282" s="3"/>
      <c r="C282" s="3"/>
      <c r="D282" s="3"/>
      <c r="E282" s="3"/>
    </row>
    <row r="283" spans="1:5" ht="13" customHeight="1" x14ac:dyDescent="0.35">
      <c r="A283" s="3"/>
      <c r="C283" s="3"/>
      <c r="D283" s="3"/>
      <c r="E283" s="3"/>
    </row>
    <row r="284" spans="1:5" ht="13" customHeight="1" x14ac:dyDescent="0.35">
      <c r="A284" s="3"/>
      <c r="C284" s="3"/>
      <c r="D284" s="3"/>
      <c r="E284" s="3"/>
    </row>
    <row r="285" spans="1:5" ht="13" customHeight="1" x14ac:dyDescent="0.35">
      <c r="A285" s="3"/>
      <c r="C285" s="3"/>
      <c r="D285" s="3"/>
      <c r="E285" s="3"/>
    </row>
    <row r="286" spans="1:5" ht="13" customHeight="1" x14ac:dyDescent="0.35">
      <c r="A286" s="3"/>
      <c r="C286" s="3"/>
      <c r="D286" s="3"/>
      <c r="E286" s="3"/>
    </row>
    <row r="287" spans="1:5" ht="13" customHeight="1" x14ac:dyDescent="0.35">
      <c r="A287" s="3"/>
      <c r="C287" s="3"/>
      <c r="D287" s="3"/>
      <c r="E287" s="3"/>
    </row>
    <row r="288" spans="1:5" ht="13" customHeight="1" x14ac:dyDescent="0.35">
      <c r="A288" s="3"/>
      <c r="C288" s="3"/>
      <c r="D288" s="3"/>
      <c r="E288" s="3"/>
    </row>
    <row r="289" spans="1:5" ht="13" customHeight="1" x14ac:dyDescent="0.35">
      <c r="A289" s="3"/>
      <c r="C289" s="3"/>
      <c r="D289" s="3"/>
      <c r="E289" s="3"/>
    </row>
    <row r="290" spans="1:5" ht="13" customHeight="1" x14ac:dyDescent="0.35">
      <c r="A290" s="3"/>
      <c r="C290" s="3"/>
      <c r="D290" s="3"/>
      <c r="E290" s="3"/>
    </row>
    <row r="291" spans="1:5" ht="13" customHeight="1" x14ac:dyDescent="0.35">
      <c r="A291" s="3"/>
      <c r="C291" s="3"/>
      <c r="D291" s="3"/>
      <c r="E291" s="3"/>
    </row>
    <row r="292" spans="1:5" ht="13" customHeight="1" x14ac:dyDescent="0.35">
      <c r="A292" s="3"/>
      <c r="C292" s="3"/>
      <c r="D292" s="3"/>
      <c r="E292" s="3"/>
    </row>
    <row r="293" spans="1:5" ht="13" customHeight="1" x14ac:dyDescent="0.35">
      <c r="A293" s="3"/>
      <c r="C293" s="3"/>
      <c r="D293" s="3"/>
      <c r="E293" s="3"/>
    </row>
    <row r="294" spans="1:5" ht="13" customHeight="1" x14ac:dyDescent="0.35">
      <c r="A294" s="3"/>
      <c r="C294" s="3"/>
      <c r="D294" s="3"/>
      <c r="E294" s="3"/>
    </row>
    <row r="295" spans="1:5" ht="13" customHeight="1" x14ac:dyDescent="0.35">
      <c r="A295" s="3"/>
      <c r="C295" s="3"/>
      <c r="D295" s="3"/>
      <c r="E295" s="3"/>
    </row>
    <row r="296" spans="1:5" ht="13" customHeight="1" x14ac:dyDescent="0.35">
      <c r="A296" s="3"/>
      <c r="C296" s="3"/>
      <c r="D296" s="3"/>
      <c r="E296" s="3"/>
    </row>
    <row r="297" spans="1:5" ht="13" customHeight="1" x14ac:dyDescent="0.35">
      <c r="A297" s="3"/>
      <c r="C297" s="3"/>
      <c r="D297" s="3"/>
      <c r="E297" s="3"/>
    </row>
    <row r="298" spans="1:5" ht="13" customHeight="1" x14ac:dyDescent="0.35">
      <c r="A298" s="3"/>
      <c r="C298" s="3"/>
      <c r="D298" s="3"/>
      <c r="E298" s="3"/>
    </row>
    <row r="299" spans="1:5" ht="13" customHeight="1" x14ac:dyDescent="0.35">
      <c r="A299" s="3"/>
      <c r="C299" s="3"/>
      <c r="D299" s="3"/>
      <c r="E299" s="3"/>
    </row>
    <row r="300" spans="1:5" ht="13" customHeight="1" x14ac:dyDescent="0.35">
      <c r="A300" s="3"/>
      <c r="C300" s="3"/>
      <c r="D300" s="3"/>
      <c r="E300" s="3"/>
    </row>
    <row r="301" spans="1:5" ht="13" customHeight="1" x14ac:dyDescent="0.35">
      <c r="A301" s="3"/>
      <c r="C301" s="3"/>
      <c r="D301" s="3"/>
      <c r="E301" s="3"/>
    </row>
    <row r="302" spans="1:5" ht="13" customHeight="1" x14ac:dyDescent="0.35">
      <c r="A302" s="3"/>
      <c r="C302" s="3"/>
      <c r="D302" s="3"/>
      <c r="E302" s="3"/>
    </row>
    <row r="303" spans="1:5" ht="13" customHeight="1" x14ac:dyDescent="0.35">
      <c r="A303" s="3"/>
      <c r="C303" s="3"/>
      <c r="D303" s="3"/>
      <c r="E303" s="3"/>
    </row>
    <row r="304" spans="1:5" ht="13" customHeight="1" x14ac:dyDescent="0.35">
      <c r="A304" s="3"/>
      <c r="C304" s="3"/>
      <c r="D304" s="3"/>
      <c r="E304" s="3"/>
    </row>
    <row r="305" spans="1:5" ht="13" customHeight="1" x14ac:dyDescent="0.35">
      <c r="A305" s="3"/>
      <c r="C305" s="3"/>
      <c r="D305" s="3"/>
      <c r="E305" s="3"/>
    </row>
    <row r="306" spans="1:5" ht="13" customHeight="1" x14ac:dyDescent="0.35">
      <c r="A306" s="3"/>
      <c r="C306" s="3"/>
      <c r="D306" s="3"/>
      <c r="E306" s="3"/>
    </row>
    <row r="307" spans="1:5" ht="13" customHeight="1" x14ac:dyDescent="0.35">
      <c r="A307" s="3"/>
      <c r="C307" s="3"/>
      <c r="D307" s="3"/>
      <c r="E307" s="3"/>
    </row>
    <row r="308" spans="1:5" ht="13" customHeight="1" x14ac:dyDescent="0.35">
      <c r="A308" s="3"/>
      <c r="C308" s="3"/>
      <c r="D308" s="3"/>
      <c r="E308" s="3"/>
    </row>
    <row r="309" spans="1:5" ht="13" customHeight="1" x14ac:dyDescent="0.35">
      <c r="A309" s="3"/>
      <c r="C309" s="3"/>
      <c r="D309" s="3"/>
      <c r="E309" s="3"/>
    </row>
    <row r="310" spans="1:5" ht="13" customHeight="1" x14ac:dyDescent="0.35">
      <c r="A310" s="3"/>
      <c r="C310" s="3"/>
      <c r="D310" s="3"/>
      <c r="E310" s="3"/>
    </row>
    <row r="311" spans="1:5" ht="13" customHeight="1" x14ac:dyDescent="0.35">
      <c r="A311" s="3"/>
      <c r="C311" s="3"/>
      <c r="D311" s="3"/>
      <c r="E311" s="3"/>
    </row>
    <row r="312" spans="1:5" ht="13" customHeight="1" x14ac:dyDescent="0.35">
      <c r="A312" s="3"/>
      <c r="C312" s="3"/>
      <c r="D312" s="3"/>
      <c r="E312" s="3"/>
    </row>
    <row r="313" spans="1:5" ht="13" customHeight="1" x14ac:dyDescent="0.35">
      <c r="A313" s="3"/>
      <c r="C313" s="3"/>
      <c r="D313" s="3"/>
      <c r="E313" s="3"/>
    </row>
    <row r="314" spans="1:5" ht="13" customHeight="1" x14ac:dyDescent="0.35">
      <c r="A314" s="3"/>
      <c r="C314" s="3"/>
      <c r="D314" s="3"/>
      <c r="E314" s="3"/>
    </row>
    <row r="315" spans="1:5" ht="13" customHeight="1" x14ac:dyDescent="0.35">
      <c r="A315" s="3"/>
      <c r="C315" s="3"/>
      <c r="D315" s="3"/>
      <c r="E315" s="3"/>
    </row>
    <row r="316" spans="1:5" ht="13" customHeight="1" x14ac:dyDescent="0.35">
      <c r="A316" s="3"/>
      <c r="C316" s="3"/>
      <c r="D316" s="3"/>
      <c r="E316" s="3"/>
    </row>
    <row r="317" spans="1:5" ht="13" customHeight="1" x14ac:dyDescent="0.35">
      <c r="A317" s="3"/>
      <c r="C317" s="3"/>
      <c r="D317" s="3"/>
      <c r="E317" s="3"/>
    </row>
    <row r="318" spans="1:5" ht="13" customHeight="1" x14ac:dyDescent="0.35">
      <c r="A318" s="3"/>
      <c r="C318" s="3"/>
      <c r="D318" s="3"/>
      <c r="E318" s="3"/>
    </row>
    <row r="319" spans="1:5" ht="13" customHeight="1" x14ac:dyDescent="0.35">
      <c r="A319" s="3"/>
      <c r="C319" s="3"/>
      <c r="D319" s="3"/>
      <c r="E319" s="3"/>
    </row>
    <row r="320" spans="1:5" ht="13" customHeight="1" x14ac:dyDescent="0.35">
      <c r="A320" s="3"/>
      <c r="C320" s="3"/>
      <c r="D320" s="3"/>
      <c r="E320" s="3"/>
    </row>
    <row r="321" spans="1:5" ht="13" customHeight="1" x14ac:dyDescent="0.35">
      <c r="A321" s="3"/>
      <c r="C321" s="3"/>
      <c r="D321" s="3"/>
      <c r="E321" s="3"/>
    </row>
    <row r="322" spans="1:5" ht="13" customHeight="1" x14ac:dyDescent="0.35">
      <c r="A322" s="3"/>
      <c r="C322" s="3"/>
      <c r="D322" s="3"/>
      <c r="E322" s="3"/>
    </row>
    <row r="323" spans="1:5" ht="13" customHeight="1" x14ac:dyDescent="0.35">
      <c r="A323" s="3"/>
      <c r="C323" s="3"/>
      <c r="D323" s="3"/>
      <c r="E323" s="3"/>
    </row>
    <row r="324" spans="1:5" ht="13" customHeight="1" x14ac:dyDescent="0.35">
      <c r="A324" s="3"/>
      <c r="C324" s="3"/>
      <c r="D324" s="3"/>
      <c r="E324" s="3"/>
    </row>
    <row r="325" spans="1:5" ht="13" customHeight="1" x14ac:dyDescent="0.35">
      <c r="A325" s="3"/>
      <c r="C325" s="3"/>
      <c r="D325" s="3"/>
      <c r="E325" s="3"/>
    </row>
    <row r="326" spans="1:5" ht="13" customHeight="1" x14ac:dyDescent="0.35">
      <c r="A326" s="3"/>
      <c r="C326" s="3"/>
      <c r="D326" s="3"/>
      <c r="E326" s="3"/>
    </row>
    <row r="327" spans="1:5" ht="13" customHeight="1" x14ac:dyDescent="0.35">
      <c r="A327" s="3"/>
      <c r="C327" s="3"/>
      <c r="D327" s="3"/>
      <c r="E327" s="3"/>
    </row>
    <row r="328" spans="1:5" ht="13" customHeight="1" x14ac:dyDescent="0.35">
      <c r="A328" s="3"/>
      <c r="C328" s="3"/>
      <c r="D328" s="3"/>
      <c r="E328" s="3"/>
    </row>
    <row r="329" spans="1:5" ht="13" customHeight="1" x14ac:dyDescent="0.35">
      <c r="A329" s="3"/>
      <c r="C329" s="3"/>
      <c r="D329" s="3"/>
      <c r="E329" s="3"/>
    </row>
    <row r="330" spans="1:5" ht="13" customHeight="1" x14ac:dyDescent="0.35">
      <c r="A330" s="3"/>
      <c r="C330" s="3"/>
      <c r="D330" s="3"/>
      <c r="E330" s="3"/>
    </row>
    <row r="331" spans="1:5" ht="13" customHeight="1" x14ac:dyDescent="0.35">
      <c r="A331" s="3"/>
      <c r="C331" s="3"/>
      <c r="D331" s="3"/>
      <c r="E331" s="3"/>
    </row>
    <row r="332" spans="1:5" ht="13" customHeight="1" x14ac:dyDescent="0.35">
      <c r="A332" s="3"/>
      <c r="C332" s="3"/>
      <c r="D332" s="3"/>
      <c r="E332" s="3"/>
    </row>
    <row r="333" spans="1:5" ht="13" customHeight="1" x14ac:dyDescent="0.35">
      <c r="A333" s="3"/>
      <c r="C333" s="3"/>
      <c r="D333" s="3"/>
      <c r="E333" s="3"/>
    </row>
    <row r="334" spans="1:5" ht="13" customHeight="1" x14ac:dyDescent="0.35">
      <c r="A334" s="3"/>
      <c r="C334" s="3"/>
      <c r="D334" s="3"/>
      <c r="E334" s="3"/>
    </row>
    <row r="335" spans="1:5" ht="13" customHeight="1" x14ac:dyDescent="0.35">
      <c r="A335" s="3"/>
      <c r="C335" s="3"/>
      <c r="D335" s="3"/>
      <c r="E335" s="3"/>
    </row>
    <row r="336" spans="1:5" ht="13" customHeight="1" x14ac:dyDescent="0.35">
      <c r="A336" s="3"/>
      <c r="C336" s="3"/>
      <c r="D336" s="3"/>
      <c r="E336" s="3"/>
    </row>
    <row r="337" spans="1:5" ht="13" customHeight="1" x14ac:dyDescent="0.35">
      <c r="A337" s="3"/>
      <c r="C337" s="3"/>
      <c r="D337" s="3"/>
      <c r="E337" s="3"/>
    </row>
    <row r="338" spans="1:5" ht="13" customHeight="1" x14ac:dyDescent="0.35">
      <c r="A338" s="3"/>
      <c r="C338" s="3"/>
      <c r="D338" s="3"/>
      <c r="E338" s="3"/>
    </row>
    <row r="339" spans="1:5" ht="13" customHeight="1" x14ac:dyDescent="0.35">
      <c r="A339" s="3"/>
      <c r="C339" s="3"/>
      <c r="D339" s="3"/>
      <c r="E339" s="3"/>
    </row>
    <row r="340" spans="1:5" ht="13" customHeight="1" x14ac:dyDescent="0.35">
      <c r="A340" s="3"/>
      <c r="C340" s="3"/>
      <c r="D340" s="3"/>
      <c r="E340" s="3"/>
    </row>
    <row r="341" spans="1:5" ht="13" customHeight="1" x14ac:dyDescent="0.35">
      <c r="A341" s="3"/>
      <c r="C341" s="3"/>
      <c r="D341" s="3"/>
      <c r="E341" s="3"/>
    </row>
    <row r="342" spans="1:5" ht="13" customHeight="1" x14ac:dyDescent="0.35">
      <c r="A342" s="3"/>
      <c r="C342" s="3"/>
      <c r="D342" s="3"/>
      <c r="E342" s="3"/>
    </row>
    <row r="343" spans="1:5" ht="13" customHeight="1" x14ac:dyDescent="0.35">
      <c r="A343" s="3"/>
      <c r="C343" s="3"/>
      <c r="D343" s="3"/>
      <c r="E343" s="3"/>
    </row>
    <row r="344" spans="1:5" ht="13" customHeight="1" x14ac:dyDescent="0.35">
      <c r="A344" s="3"/>
      <c r="C344" s="3"/>
      <c r="D344" s="3"/>
      <c r="E344" s="3"/>
    </row>
    <row r="345" spans="1:5" ht="13" customHeight="1" x14ac:dyDescent="0.35">
      <c r="A345" s="3"/>
      <c r="C345" s="3"/>
      <c r="D345" s="3"/>
      <c r="E345" s="3"/>
    </row>
    <row r="346" spans="1:5" ht="13" customHeight="1" x14ac:dyDescent="0.35">
      <c r="A346" s="3"/>
      <c r="C346" s="3"/>
      <c r="D346" s="3"/>
      <c r="E346" s="3"/>
    </row>
    <row r="347" spans="1:5" ht="13" customHeight="1" x14ac:dyDescent="0.35">
      <c r="A347" s="3"/>
      <c r="C347" s="3"/>
      <c r="D347" s="3"/>
      <c r="E347" s="3"/>
    </row>
    <row r="348" spans="1:5" ht="13" customHeight="1" x14ac:dyDescent="0.35">
      <c r="A348" s="3"/>
      <c r="C348" s="3"/>
      <c r="D348" s="3"/>
      <c r="E348" s="3"/>
    </row>
    <row r="349" spans="1:5" ht="13" customHeight="1" x14ac:dyDescent="0.35">
      <c r="A349" s="3"/>
      <c r="C349" s="3"/>
      <c r="D349" s="3"/>
      <c r="E349" s="3"/>
    </row>
    <row r="350" spans="1:5" ht="13" customHeight="1" x14ac:dyDescent="0.35">
      <c r="A350" s="3"/>
      <c r="C350" s="3"/>
      <c r="D350" s="3"/>
      <c r="E350" s="3"/>
    </row>
    <row r="351" spans="1:5" ht="13" customHeight="1" x14ac:dyDescent="0.35">
      <c r="A351" s="3"/>
      <c r="C351" s="3"/>
      <c r="D351" s="3"/>
      <c r="E351" s="3"/>
    </row>
    <row r="352" spans="1:5" ht="13" customHeight="1" x14ac:dyDescent="0.35">
      <c r="A352" s="3"/>
      <c r="C352" s="3"/>
      <c r="D352" s="3"/>
      <c r="E352" s="3"/>
    </row>
    <row r="353" spans="1:5" ht="13" customHeight="1" x14ac:dyDescent="0.35">
      <c r="A353" s="3"/>
      <c r="C353" s="3"/>
      <c r="D353" s="3"/>
      <c r="E353" s="3"/>
    </row>
    <row r="354" spans="1:5" ht="13" customHeight="1" x14ac:dyDescent="0.35">
      <c r="A354" s="3"/>
      <c r="C354" s="3"/>
      <c r="D354" s="3"/>
      <c r="E354" s="3"/>
    </row>
    <row r="355" spans="1:5" ht="13" customHeight="1" x14ac:dyDescent="0.35">
      <c r="A355" s="3"/>
      <c r="C355" s="3"/>
      <c r="D355" s="3"/>
      <c r="E355" s="3"/>
    </row>
    <row r="356" spans="1:5" ht="13" customHeight="1" x14ac:dyDescent="0.35">
      <c r="A356" s="3"/>
      <c r="C356" s="3"/>
      <c r="D356" s="3"/>
      <c r="E356" s="3"/>
    </row>
    <row r="357" spans="1:5" ht="13" customHeight="1" x14ac:dyDescent="0.35">
      <c r="A357" s="3"/>
      <c r="C357" s="3"/>
      <c r="D357" s="3"/>
      <c r="E357" s="3"/>
    </row>
    <row r="358" spans="1:5" ht="13" customHeight="1" x14ac:dyDescent="0.35">
      <c r="A358" s="3"/>
      <c r="C358" s="3"/>
      <c r="D358" s="3"/>
      <c r="E358" s="3"/>
    </row>
    <row r="359" spans="1:5" ht="13" customHeight="1" x14ac:dyDescent="0.35">
      <c r="A359" s="3"/>
      <c r="C359" s="3"/>
      <c r="D359" s="3"/>
      <c r="E359" s="3"/>
    </row>
    <row r="360" spans="1:5" ht="13" customHeight="1" x14ac:dyDescent="0.35">
      <c r="A360" s="3"/>
      <c r="C360" s="3"/>
      <c r="D360" s="3"/>
      <c r="E360" s="3"/>
    </row>
    <row r="361" spans="1:5" ht="13" customHeight="1" x14ac:dyDescent="0.35">
      <c r="A361" s="3"/>
      <c r="C361" s="3"/>
      <c r="D361" s="3"/>
      <c r="E361" s="3"/>
    </row>
    <row r="362" spans="1:5" ht="13" customHeight="1" x14ac:dyDescent="0.35">
      <c r="A362" s="3"/>
      <c r="C362" s="3"/>
      <c r="D362" s="3"/>
      <c r="E362" s="3"/>
    </row>
    <row r="363" spans="1:5" ht="13" customHeight="1" x14ac:dyDescent="0.35">
      <c r="A363" s="3"/>
      <c r="C363" s="3"/>
      <c r="D363" s="3"/>
      <c r="E363" s="3"/>
    </row>
    <row r="364" spans="1:5" ht="13" customHeight="1" x14ac:dyDescent="0.35">
      <c r="A364" s="3"/>
      <c r="C364" s="3"/>
      <c r="D364" s="3"/>
      <c r="E364" s="3"/>
    </row>
    <row r="365" spans="1:5" ht="13" customHeight="1" x14ac:dyDescent="0.35">
      <c r="A365" s="3"/>
      <c r="C365" s="3"/>
      <c r="D365" s="3"/>
      <c r="E365" s="3"/>
    </row>
    <row r="366" spans="1:5" ht="13" customHeight="1" x14ac:dyDescent="0.35">
      <c r="A366" s="3"/>
      <c r="C366" s="3"/>
      <c r="D366" s="3"/>
      <c r="E366" s="3"/>
    </row>
    <row r="367" spans="1:5" ht="13" customHeight="1" x14ac:dyDescent="0.35">
      <c r="A367" s="3"/>
      <c r="C367" s="3"/>
      <c r="D367" s="3"/>
      <c r="E367" s="3"/>
    </row>
    <row r="368" spans="1:5" ht="13" customHeight="1" x14ac:dyDescent="0.35">
      <c r="A368" s="3"/>
      <c r="C368" s="3"/>
      <c r="D368" s="3"/>
      <c r="E368" s="3"/>
    </row>
    <row r="369" spans="1:5" ht="13" customHeight="1" x14ac:dyDescent="0.35">
      <c r="A369" s="3"/>
      <c r="C369" s="3"/>
      <c r="D369" s="3"/>
      <c r="E369" s="3"/>
    </row>
    <row r="370" spans="1:5" ht="13" customHeight="1" x14ac:dyDescent="0.35">
      <c r="A370" s="3"/>
      <c r="C370" s="3"/>
      <c r="D370" s="3"/>
      <c r="E370" s="3"/>
    </row>
    <row r="371" spans="1:5" ht="13" customHeight="1" x14ac:dyDescent="0.35">
      <c r="A371" s="3"/>
      <c r="C371" s="3"/>
      <c r="D371" s="3"/>
      <c r="E371" s="3"/>
    </row>
    <row r="372" spans="1:5" ht="13" customHeight="1" x14ac:dyDescent="0.35">
      <c r="A372" s="3"/>
      <c r="C372" s="3"/>
      <c r="D372" s="3"/>
      <c r="E372" s="3"/>
    </row>
    <row r="373" spans="1:5" ht="13" customHeight="1" x14ac:dyDescent="0.35">
      <c r="A373" s="3"/>
      <c r="C373" s="3"/>
      <c r="D373" s="3"/>
      <c r="E373" s="3"/>
    </row>
    <row r="374" spans="1:5" ht="13" customHeight="1" x14ac:dyDescent="0.35">
      <c r="A374" s="3"/>
      <c r="C374" s="3"/>
      <c r="D374" s="3"/>
      <c r="E374" s="3"/>
    </row>
    <row r="375" spans="1:5" ht="13" customHeight="1" x14ac:dyDescent="0.35">
      <c r="A375" s="3"/>
      <c r="C375" s="3"/>
      <c r="D375" s="3"/>
      <c r="E375" s="3"/>
    </row>
    <row r="376" spans="1:5" ht="13" customHeight="1" x14ac:dyDescent="0.35">
      <c r="A376" s="3"/>
      <c r="C376" s="3"/>
      <c r="D376" s="3"/>
      <c r="E376" s="3"/>
    </row>
    <row r="377" spans="1:5" ht="13" customHeight="1" x14ac:dyDescent="0.35">
      <c r="A377" s="3"/>
      <c r="C377" s="3"/>
      <c r="D377" s="3"/>
      <c r="E377" s="3"/>
    </row>
    <row r="378" spans="1:5" ht="13" customHeight="1" x14ac:dyDescent="0.35">
      <c r="A378" s="3"/>
      <c r="C378" s="3"/>
      <c r="D378" s="3"/>
      <c r="E378" s="3"/>
    </row>
    <row r="379" spans="1:5" ht="13" customHeight="1" x14ac:dyDescent="0.35">
      <c r="A379" s="3"/>
      <c r="C379" s="3"/>
      <c r="D379" s="3"/>
      <c r="E379" s="3"/>
    </row>
    <row r="380" spans="1:5" ht="13" customHeight="1" x14ac:dyDescent="0.35">
      <c r="A380" s="3"/>
      <c r="C380" s="3"/>
      <c r="D380" s="3"/>
      <c r="E380" s="3"/>
    </row>
    <row r="381" spans="1:5" ht="13" customHeight="1" x14ac:dyDescent="0.35">
      <c r="A381" s="3"/>
      <c r="C381" s="3"/>
      <c r="D381" s="3"/>
      <c r="E381" s="3"/>
    </row>
    <row r="382" spans="1:5" ht="13" customHeight="1" x14ac:dyDescent="0.35">
      <c r="A382" s="3"/>
      <c r="C382" s="3"/>
      <c r="D382" s="3"/>
      <c r="E382" s="3"/>
    </row>
    <row r="383" spans="1:5" ht="13" customHeight="1" x14ac:dyDescent="0.35">
      <c r="A383" s="3"/>
      <c r="C383" s="3"/>
      <c r="D383" s="3"/>
      <c r="E383" s="3"/>
    </row>
    <row r="384" spans="1:5" ht="13" customHeight="1" x14ac:dyDescent="0.35">
      <c r="A384" s="3"/>
      <c r="C384" s="3"/>
      <c r="D384" s="3"/>
      <c r="E384" s="3"/>
    </row>
    <row r="385" spans="1:5" ht="13" customHeight="1" x14ac:dyDescent="0.35">
      <c r="A385" s="3"/>
      <c r="C385" s="3"/>
      <c r="D385" s="3"/>
      <c r="E385" s="3"/>
    </row>
    <row r="386" spans="1:5" ht="13" customHeight="1" x14ac:dyDescent="0.35">
      <c r="A386" s="3"/>
      <c r="C386" s="3"/>
      <c r="D386" s="3"/>
      <c r="E386" s="3"/>
    </row>
    <row r="387" spans="1:5" ht="13" customHeight="1" x14ac:dyDescent="0.35">
      <c r="A387" s="3"/>
      <c r="C387" s="3"/>
      <c r="D387" s="3"/>
      <c r="E387" s="3"/>
    </row>
    <row r="388" spans="1:5" ht="13" customHeight="1" x14ac:dyDescent="0.35">
      <c r="A388" s="3"/>
      <c r="C388" s="3"/>
      <c r="D388" s="3"/>
      <c r="E388" s="3"/>
    </row>
    <row r="389" spans="1:5" ht="13" customHeight="1" x14ac:dyDescent="0.35">
      <c r="A389" s="3"/>
      <c r="C389" s="3"/>
      <c r="D389" s="3"/>
      <c r="E389" s="3"/>
    </row>
    <row r="390" spans="1:5" ht="13" customHeight="1" x14ac:dyDescent="0.35">
      <c r="A390" s="3"/>
      <c r="C390" s="3"/>
      <c r="D390" s="3"/>
      <c r="E390" s="3"/>
    </row>
    <row r="391" spans="1:5" ht="13" customHeight="1" x14ac:dyDescent="0.35">
      <c r="A391" s="3"/>
      <c r="C391" s="3"/>
      <c r="D391" s="3"/>
      <c r="E391" s="3"/>
    </row>
    <row r="392" spans="1:5" ht="13" customHeight="1" x14ac:dyDescent="0.35">
      <c r="A392" s="3"/>
      <c r="C392" s="3"/>
      <c r="D392" s="3"/>
      <c r="E392" s="3"/>
    </row>
    <row r="393" spans="1:5" ht="13" customHeight="1" x14ac:dyDescent="0.35">
      <c r="A393" s="3"/>
      <c r="C393" s="3"/>
      <c r="D393" s="3"/>
      <c r="E393" s="3"/>
    </row>
    <row r="394" spans="1:5" ht="13" customHeight="1" x14ac:dyDescent="0.35">
      <c r="A394" s="3"/>
      <c r="C394" s="3"/>
      <c r="D394" s="3"/>
      <c r="E394" s="3"/>
    </row>
    <row r="395" spans="1:5" ht="13" customHeight="1" x14ac:dyDescent="0.35">
      <c r="A395" s="3"/>
      <c r="C395" s="3"/>
      <c r="D395" s="3"/>
      <c r="E395" s="3"/>
    </row>
    <row r="396" spans="1:5" ht="13" customHeight="1" x14ac:dyDescent="0.35">
      <c r="A396" s="3"/>
      <c r="C396" s="3"/>
      <c r="D396" s="3"/>
      <c r="E396" s="3"/>
    </row>
    <row r="397" spans="1:5" ht="13" customHeight="1" x14ac:dyDescent="0.35">
      <c r="A397" s="3"/>
      <c r="C397" s="3"/>
      <c r="D397" s="3"/>
      <c r="E397" s="3"/>
    </row>
    <row r="398" spans="1:5" ht="13" customHeight="1" x14ac:dyDescent="0.35">
      <c r="A398" s="3"/>
      <c r="C398" s="3"/>
      <c r="D398" s="3"/>
      <c r="E398" s="3"/>
    </row>
    <row r="399" spans="1:5" ht="13" customHeight="1" x14ac:dyDescent="0.35">
      <c r="A399" s="3"/>
      <c r="C399" s="3"/>
      <c r="D399" s="3"/>
      <c r="E399" s="3"/>
    </row>
    <row r="400" spans="1:5" ht="13" customHeight="1" x14ac:dyDescent="0.35">
      <c r="A400" s="3"/>
      <c r="C400" s="3"/>
      <c r="D400" s="3"/>
      <c r="E400" s="3"/>
    </row>
    <row r="401" spans="1:5" ht="13" customHeight="1" x14ac:dyDescent="0.35">
      <c r="A401" s="3"/>
      <c r="C401" s="3"/>
      <c r="D401" s="3"/>
      <c r="E401" s="3"/>
    </row>
    <row r="402" spans="1:5" ht="13" customHeight="1" x14ac:dyDescent="0.35">
      <c r="A402" s="3"/>
      <c r="C402" s="3"/>
      <c r="D402" s="3"/>
      <c r="E402" s="3"/>
    </row>
    <row r="403" spans="1:5" ht="13" customHeight="1" x14ac:dyDescent="0.35">
      <c r="A403" s="3"/>
      <c r="C403" s="3"/>
      <c r="D403" s="3"/>
      <c r="E403" s="3"/>
    </row>
    <row r="404" spans="1:5" ht="13" customHeight="1" x14ac:dyDescent="0.35">
      <c r="A404" s="3"/>
      <c r="C404" s="3"/>
      <c r="D404" s="3"/>
      <c r="E404" s="3"/>
    </row>
    <row r="405" spans="1:5" ht="13" customHeight="1" x14ac:dyDescent="0.35">
      <c r="A405" s="3"/>
      <c r="C405" s="3"/>
      <c r="D405" s="3"/>
      <c r="E405" s="3"/>
    </row>
    <row r="406" spans="1:5" ht="13" customHeight="1" x14ac:dyDescent="0.35">
      <c r="A406" s="3"/>
      <c r="C406" s="3"/>
      <c r="D406" s="3"/>
      <c r="E406" s="3"/>
    </row>
    <row r="407" spans="1:5" ht="13" customHeight="1" x14ac:dyDescent="0.35">
      <c r="A407" s="3"/>
      <c r="C407" s="3"/>
      <c r="D407" s="3"/>
      <c r="E407" s="3"/>
    </row>
    <row r="408" spans="1:5" ht="13" customHeight="1" x14ac:dyDescent="0.35">
      <c r="A408" s="3"/>
      <c r="C408" s="3"/>
      <c r="D408" s="3"/>
      <c r="E408" s="3"/>
    </row>
    <row r="409" spans="1:5" ht="13" customHeight="1" x14ac:dyDescent="0.35">
      <c r="A409" s="3"/>
      <c r="C409" s="3"/>
      <c r="D409" s="3"/>
      <c r="E409" s="3"/>
    </row>
    <row r="410" spans="1:5" ht="13" customHeight="1" x14ac:dyDescent="0.35">
      <c r="A410" s="3"/>
      <c r="C410" s="3"/>
      <c r="D410" s="3"/>
      <c r="E410" s="3"/>
    </row>
    <row r="411" spans="1:5" ht="13" customHeight="1" x14ac:dyDescent="0.35">
      <c r="A411" s="3"/>
      <c r="C411" s="3"/>
      <c r="D411" s="3"/>
      <c r="E411" s="3"/>
    </row>
    <row r="412" spans="1:5" ht="13" customHeight="1" x14ac:dyDescent="0.35">
      <c r="A412" s="3"/>
      <c r="C412" s="3"/>
      <c r="D412" s="3"/>
      <c r="E412" s="3"/>
    </row>
    <row r="413" spans="1:5" ht="13" customHeight="1" x14ac:dyDescent="0.35">
      <c r="A413" s="3"/>
      <c r="C413" s="3"/>
      <c r="D413" s="3"/>
      <c r="E413" s="3"/>
    </row>
    <row r="414" spans="1:5" ht="13" customHeight="1" x14ac:dyDescent="0.35">
      <c r="A414" s="3"/>
      <c r="C414" s="3"/>
      <c r="D414" s="3"/>
      <c r="E414" s="3"/>
    </row>
    <row r="415" spans="1:5" ht="13" customHeight="1" x14ac:dyDescent="0.35">
      <c r="A415" s="3"/>
      <c r="C415" s="3"/>
      <c r="D415" s="3"/>
      <c r="E415" s="3"/>
    </row>
    <row r="416" spans="1:5" ht="13" customHeight="1" x14ac:dyDescent="0.35">
      <c r="A416" s="3"/>
      <c r="C416" s="3"/>
      <c r="D416" s="3"/>
      <c r="E416" s="3"/>
    </row>
    <row r="417" spans="1:5" ht="13" customHeight="1" x14ac:dyDescent="0.35">
      <c r="A417" s="3"/>
      <c r="C417" s="3"/>
      <c r="D417" s="3"/>
      <c r="E417" s="3"/>
    </row>
    <row r="418" spans="1:5" ht="13" customHeight="1" x14ac:dyDescent="0.35">
      <c r="A418" s="3"/>
      <c r="C418" s="3"/>
      <c r="D418" s="3"/>
      <c r="E418" s="3"/>
    </row>
    <row r="419" spans="1:5" ht="13" customHeight="1" x14ac:dyDescent="0.35">
      <c r="A419" s="3"/>
      <c r="C419" s="3"/>
      <c r="D419" s="3"/>
      <c r="E419" s="3"/>
    </row>
    <row r="420" spans="1:5" ht="13" customHeight="1" x14ac:dyDescent="0.35">
      <c r="A420" s="3"/>
      <c r="C420" s="3"/>
      <c r="D420" s="3"/>
      <c r="E420" s="3"/>
    </row>
    <row r="421" spans="1:5" ht="13" customHeight="1" x14ac:dyDescent="0.35">
      <c r="A421" s="3"/>
      <c r="C421" s="3"/>
      <c r="D421" s="3"/>
      <c r="E421" s="3"/>
    </row>
    <row r="422" spans="1:5" ht="13" customHeight="1" x14ac:dyDescent="0.35">
      <c r="A422" s="3"/>
      <c r="C422" s="3"/>
      <c r="D422" s="3"/>
      <c r="E422" s="3"/>
    </row>
    <row r="423" spans="1:5" ht="13" customHeight="1" x14ac:dyDescent="0.35">
      <c r="A423" s="3"/>
      <c r="C423" s="3"/>
      <c r="D423" s="3"/>
      <c r="E423" s="3"/>
    </row>
    <row r="424" spans="1:5" ht="13" customHeight="1" x14ac:dyDescent="0.35">
      <c r="A424" s="3"/>
      <c r="C424" s="3"/>
      <c r="D424" s="3"/>
      <c r="E424" s="3"/>
    </row>
    <row r="425" spans="1:5" ht="13" customHeight="1" x14ac:dyDescent="0.35">
      <c r="A425" s="3"/>
      <c r="C425" s="3"/>
      <c r="D425" s="3"/>
      <c r="E425" s="3"/>
    </row>
    <row r="426" spans="1:5" ht="13" customHeight="1" x14ac:dyDescent="0.35">
      <c r="A426" s="3"/>
      <c r="C426" s="3"/>
      <c r="D426" s="3"/>
      <c r="E426" s="3"/>
    </row>
    <row r="427" spans="1:5" ht="13" customHeight="1" x14ac:dyDescent="0.35">
      <c r="A427" s="3"/>
      <c r="C427" s="3"/>
      <c r="D427" s="3"/>
      <c r="E427" s="3"/>
    </row>
    <row r="428" spans="1:5" ht="13" customHeight="1" x14ac:dyDescent="0.35">
      <c r="A428" s="3"/>
      <c r="C428" s="3"/>
      <c r="D428" s="3"/>
      <c r="E428" s="3"/>
    </row>
    <row r="429" spans="1:5" ht="13" customHeight="1" x14ac:dyDescent="0.35">
      <c r="A429" s="3"/>
      <c r="C429" s="3"/>
      <c r="D429" s="3"/>
      <c r="E429" s="3"/>
    </row>
    <row r="430" spans="1:5" ht="13" customHeight="1" x14ac:dyDescent="0.35">
      <c r="A430" s="3"/>
      <c r="C430" s="3"/>
      <c r="D430" s="3"/>
      <c r="E430" s="3"/>
    </row>
    <row r="431" spans="1:5" ht="13" customHeight="1" x14ac:dyDescent="0.35">
      <c r="A431" s="3"/>
      <c r="C431" s="3"/>
      <c r="D431" s="3"/>
      <c r="E431" s="3"/>
    </row>
    <row r="432" spans="1:5" ht="13" customHeight="1" x14ac:dyDescent="0.35">
      <c r="A432" s="3"/>
      <c r="C432" s="3"/>
      <c r="D432" s="3"/>
      <c r="E432" s="3"/>
    </row>
    <row r="433" spans="1:5" ht="13" customHeight="1" x14ac:dyDescent="0.35">
      <c r="A433" s="3"/>
      <c r="C433" s="3"/>
      <c r="D433" s="3"/>
      <c r="E433" s="3"/>
    </row>
    <row r="434" spans="1:5" ht="13" customHeight="1" x14ac:dyDescent="0.35">
      <c r="A434" s="3"/>
      <c r="C434" s="3"/>
      <c r="D434" s="3"/>
      <c r="E434" s="3"/>
    </row>
    <row r="435" spans="1:5" ht="13" customHeight="1" x14ac:dyDescent="0.35">
      <c r="A435" s="3"/>
      <c r="C435" s="3"/>
      <c r="D435" s="3"/>
      <c r="E435" s="3"/>
    </row>
    <row r="436" spans="1:5" ht="13" customHeight="1" x14ac:dyDescent="0.35">
      <c r="A436" s="3"/>
      <c r="C436" s="3"/>
      <c r="D436" s="3"/>
      <c r="E436" s="3"/>
    </row>
    <row r="437" spans="1:5" ht="13" customHeight="1" x14ac:dyDescent="0.35">
      <c r="A437" s="3"/>
      <c r="C437" s="3"/>
      <c r="D437" s="3"/>
      <c r="E437" s="3"/>
    </row>
    <row r="438" spans="1:5" ht="13" customHeight="1" x14ac:dyDescent="0.35">
      <c r="A438" s="3"/>
      <c r="C438" s="3"/>
      <c r="D438" s="3"/>
      <c r="E438" s="3"/>
    </row>
    <row r="439" spans="1:5" ht="13" customHeight="1" x14ac:dyDescent="0.35">
      <c r="A439" s="3"/>
      <c r="C439" s="3"/>
      <c r="D439" s="3"/>
      <c r="E439" s="3"/>
    </row>
    <row r="440" spans="1:5" ht="13" customHeight="1" x14ac:dyDescent="0.35">
      <c r="A440" s="3"/>
      <c r="C440" s="3"/>
      <c r="D440" s="3"/>
      <c r="E440" s="3"/>
    </row>
    <row r="441" spans="1:5" ht="13" customHeight="1" x14ac:dyDescent="0.35">
      <c r="A441" s="3"/>
      <c r="C441" s="3"/>
      <c r="D441" s="3"/>
      <c r="E441" s="3"/>
    </row>
    <row r="442" spans="1:5" ht="13" customHeight="1" x14ac:dyDescent="0.35">
      <c r="A442" s="3"/>
      <c r="C442" s="3"/>
      <c r="D442" s="3"/>
      <c r="E442" s="3"/>
    </row>
    <row r="443" spans="1:5" ht="13" customHeight="1" x14ac:dyDescent="0.35">
      <c r="A443" s="3"/>
      <c r="C443" s="3"/>
      <c r="D443" s="3"/>
      <c r="E443" s="3"/>
    </row>
    <row r="444" spans="1:5" ht="13" customHeight="1" x14ac:dyDescent="0.35">
      <c r="A444" s="3"/>
      <c r="C444" s="3"/>
      <c r="D444" s="3"/>
      <c r="E444" s="3"/>
    </row>
    <row r="445" spans="1:5" ht="13" customHeight="1" x14ac:dyDescent="0.35">
      <c r="A445" s="3"/>
      <c r="C445" s="3"/>
      <c r="D445" s="3"/>
      <c r="E445" s="3"/>
    </row>
    <row r="446" spans="1:5" ht="13" customHeight="1" x14ac:dyDescent="0.35">
      <c r="A446" s="3"/>
      <c r="C446" s="3"/>
      <c r="D446" s="3"/>
      <c r="E446" s="3"/>
    </row>
    <row r="447" spans="1:5" ht="13" customHeight="1" x14ac:dyDescent="0.35">
      <c r="A447" s="3"/>
      <c r="C447" s="3"/>
      <c r="D447" s="3"/>
      <c r="E447" s="3"/>
    </row>
    <row r="448" spans="1:5" ht="13" customHeight="1" x14ac:dyDescent="0.35">
      <c r="A448" s="3"/>
      <c r="C448" s="3"/>
      <c r="D448" s="3"/>
      <c r="E448" s="3"/>
    </row>
    <row r="449" spans="1:5" ht="13" customHeight="1" x14ac:dyDescent="0.35">
      <c r="A449" s="3"/>
      <c r="C449" s="3"/>
      <c r="D449" s="3"/>
      <c r="E449" s="3"/>
    </row>
    <row r="450" spans="1:5" ht="13" customHeight="1" x14ac:dyDescent="0.35">
      <c r="A450" s="3"/>
      <c r="C450" s="3"/>
      <c r="D450" s="3"/>
      <c r="E450" s="3"/>
    </row>
    <row r="451" spans="1:5" ht="13" customHeight="1" x14ac:dyDescent="0.35">
      <c r="A451" s="3"/>
      <c r="C451" s="3"/>
      <c r="D451" s="3"/>
      <c r="E451" s="3"/>
    </row>
    <row r="452" spans="1:5" ht="13" customHeight="1" x14ac:dyDescent="0.35">
      <c r="A452" s="3"/>
      <c r="C452" s="3"/>
      <c r="D452" s="3"/>
      <c r="E452" s="3"/>
    </row>
    <row r="453" spans="1:5" ht="13" customHeight="1" x14ac:dyDescent="0.35">
      <c r="A453" s="3"/>
      <c r="C453" s="3"/>
      <c r="D453" s="3"/>
      <c r="E453" s="3"/>
    </row>
    <row r="454" spans="1:5" ht="13" customHeight="1" x14ac:dyDescent="0.35">
      <c r="A454" s="3"/>
      <c r="C454" s="3"/>
      <c r="D454" s="3"/>
      <c r="E454" s="3"/>
    </row>
    <row r="455" spans="1:5" ht="13" customHeight="1" x14ac:dyDescent="0.35">
      <c r="A455" s="3"/>
      <c r="C455" s="3"/>
      <c r="D455" s="3"/>
      <c r="E455" s="3"/>
    </row>
    <row r="456" spans="1:5" ht="13" customHeight="1" x14ac:dyDescent="0.35">
      <c r="A456" s="3"/>
      <c r="C456" s="3"/>
      <c r="D456" s="3"/>
      <c r="E456" s="3"/>
    </row>
    <row r="457" spans="1:5" ht="13" customHeight="1" x14ac:dyDescent="0.35">
      <c r="A457" s="3"/>
      <c r="C457" s="3"/>
      <c r="D457" s="3"/>
      <c r="E457" s="3"/>
    </row>
    <row r="458" spans="1:5" ht="13" customHeight="1" x14ac:dyDescent="0.35">
      <c r="A458" s="3"/>
      <c r="C458" s="3"/>
      <c r="D458" s="3"/>
      <c r="E458" s="3"/>
    </row>
    <row r="459" spans="1:5" ht="13" customHeight="1" x14ac:dyDescent="0.35">
      <c r="A459" s="3"/>
      <c r="C459" s="3"/>
      <c r="D459" s="3"/>
      <c r="E459" s="3"/>
    </row>
    <row r="460" spans="1:5" ht="13" customHeight="1" x14ac:dyDescent="0.35">
      <c r="A460" s="3"/>
      <c r="C460" s="3"/>
      <c r="D460" s="3"/>
      <c r="E460" s="3"/>
    </row>
    <row r="461" spans="1:5" ht="13" customHeight="1" x14ac:dyDescent="0.35">
      <c r="A461" s="3"/>
      <c r="C461" s="3"/>
      <c r="D461" s="3"/>
      <c r="E461" s="3"/>
    </row>
    <row r="462" spans="1:5" ht="13" customHeight="1" x14ac:dyDescent="0.35">
      <c r="A462" s="3"/>
      <c r="C462" s="3"/>
      <c r="D462" s="3"/>
      <c r="E462" s="3"/>
    </row>
    <row r="463" spans="1:5" ht="13" customHeight="1" x14ac:dyDescent="0.35">
      <c r="A463" s="3"/>
      <c r="C463" s="3"/>
      <c r="D463" s="3"/>
      <c r="E463" s="3"/>
    </row>
    <row r="464" spans="1:5" ht="13" customHeight="1" x14ac:dyDescent="0.35">
      <c r="A464" s="3"/>
      <c r="C464" s="3"/>
      <c r="D464" s="3"/>
      <c r="E464" s="3"/>
    </row>
    <row r="465" spans="1:5" ht="13" customHeight="1" x14ac:dyDescent="0.35">
      <c r="A465" s="3"/>
      <c r="C465" s="3"/>
      <c r="D465" s="3"/>
      <c r="E465" s="3"/>
    </row>
    <row r="466" spans="1:5" ht="13" customHeight="1" x14ac:dyDescent="0.35">
      <c r="A466" s="3"/>
      <c r="C466" s="3"/>
      <c r="D466" s="3"/>
      <c r="E466" s="3"/>
    </row>
    <row r="467" spans="1:5" ht="13" customHeight="1" x14ac:dyDescent="0.35">
      <c r="A467" s="3"/>
      <c r="C467" s="3"/>
      <c r="D467" s="3"/>
      <c r="E467" s="3"/>
    </row>
    <row r="468" spans="1:5" ht="13" customHeight="1" x14ac:dyDescent="0.35">
      <c r="A468" s="3"/>
      <c r="C468" s="3"/>
      <c r="D468" s="3"/>
      <c r="E468" s="3"/>
    </row>
    <row r="469" spans="1:5" ht="13" customHeight="1" x14ac:dyDescent="0.35">
      <c r="A469" s="3"/>
      <c r="C469" s="3"/>
      <c r="D469" s="3"/>
      <c r="E469" s="3"/>
    </row>
    <row r="470" spans="1:5" ht="13" customHeight="1" x14ac:dyDescent="0.35">
      <c r="A470" s="3"/>
      <c r="C470" s="3"/>
      <c r="D470" s="3"/>
      <c r="E470" s="3"/>
    </row>
    <row r="471" spans="1:5" ht="13" customHeight="1" x14ac:dyDescent="0.35">
      <c r="A471" s="3"/>
      <c r="C471" s="3"/>
      <c r="D471" s="3"/>
      <c r="E471" s="3"/>
    </row>
    <row r="472" spans="1:5" ht="13" customHeight="1" x14ac:dyDescent="0.35">
      <c r="A472" s="3"/>
      <c r="C472" s="3"/>
      <c r="D472" s="3"/>
      <c r="E472" s="3"/>
    </row>
    <row r="473" spans="1:5" ht="13" customHeight="1" x14ac:dyDescent="0.35">
      <c r="A473" s="3"/>
      <c r="C473" s="3"/>
      <c r="D473" s="3"/>
      <c r="E473" s="3"/>
    </row>
    <row r="474" spans="1:5" ht="13" customHeight="1" x14ac:dyDescent="0.35">
      <c r="A474" s="3"/>
      <c r="C474" s="3"/>
      <c r="D474" s="3"/>
      <c r="E474" s="3"/>
    </row>
    <row r="475" spans="1:5" ht="13" customHeight="1" x14ac:dyDescent="0.35">
      <c r="A475" s="3"/>
      <c r="C475" s="3"/>
      <c r="D475" s="3"/>
      <c r="E475" s="3"/>
    </row>
    <row r="476" spans="1:5" ht="13" customHeight="1" x14ac:dyDescent="0.35">
      <c r="A476" s="3"/>
      <c r="C476" s="3"/>
      <c r="D476" s="3"/>
      <c r="E476" s="3"/>
    </row>
    <row r="477" spans="1:5" ht="13" customHeight="1" x14ac:dyDescent="0.35">
      <c r="A477" s="3"/>
      <c r="C477" s="3"/>
      <c r="D477" s="3"/>
      <c r="E477" s="3"/>
    </row>
    <row r="478" spans="1:5" ht="13" customHeight="1" x14ac:dyDescent="0.35">
      <c r="A478" s="3"/>
      <c r="C478" s="3"/>
      <c r="D478" s="3"/>
      <c r="E478" s="3"/>
    </row>
    <row r="479" spans="1:5" ht="13" customHeight="1" x14ac:dyDescent="0.35">
      <c r="A479" s="3"/>
      <c r="C479" s="3"/>
      <c r="D479" s="3"/>
      <c r="E479" s="3"/>
    </row>
    <row r="480" spans="1:5" ht="13" customHeight="1" x14ac:dyDescent="0.35">
      <c r="A480" s="3"/>
      <c r="C480" s="3"/>
      <c r="D480" s="3"/>
      <c r="E480" s="3"/>
    </row>
    <row r="481" spans="1:5" ht="13" customHeight="1" x14ac:dyDescent="0.35">
      <c r="A481" s="3"/>
      <c r="C481" s="3"/>
      <c r="D481" s="3"/>
      <c r="E481" s="3"/>
    </row>
    <row r="482" spans="1:5" ht="13" customHeight="1" x14ac:dyDescent="0.35">
      <c r="A482" s="3"/>
      <c r="C482" s="3"/>
      <c r="D482" s="3"/>
      <c r="E482" s="3"/>
    </row>
    <row r="483" spans="1:5" ht="13" customHeight="1" x14ac:dyDescent="0.35">
      <c r="A483" s="3"/>
      <c r="C483" s="3"/>
      <c r="D483" s="3"/>
      <c r="E483" s="3"/>
    </row>
    <row r="484" spans="1:5" ht="13" customHeight="1" x14ac:dyDescent="0.35">
      <c r="A484" s="3"/>
      <c r="C484" s="3"/>
      <c r="D484" s="3"/>
      <c r="E484" s="3"/>
    </row>
    <row r="485" spans="1:5" ht="13" customHeight="1" x14ac:dyDescent="0.35">
      <c r="A485" s="3"/>
      <c r="C485" s="3"/>
      <c r="D485" s="3"/>
      <c r="E485" s="3"/>
    </row>
    <row r="486" spans="1:5" ht="13" customHeight="1" x14ac:dyDescent="0.35">
      <c r="A486" s="3"/>
      <c r="C486" s="3"/>
      <c r="D486" s="3"/>
      <c r="E486" s="3"/>
    </row>
    <row r="487" spans="1:5" ht="13" customHeight="1" x14ac:dyDescent="0.35">
      <c r="A487" s="3"/>
      <c r="C487" s="3"/>
      <c r="D487" s="3"/>
      <c r="E487" s="3"/>
    </row>
    <row r="488" spans="1:5" ht="13" customHeight="1" x14ac:dyDescent="0.35">
      <c r="A488" s="3"/>
      <c r="C488" s="3"/>
      <c r="D488" s="3"/>
      <c r="E488" s="3"/>
    </row>
    <row r="489" spans="1:5" ht="13" customHeight="1" x14ac:dyDescent="0.35">
      <c r="A489" s="3"/>
      <c r="C489" s="3"/>
      <c r="D489" s="3"/>
      <c r="E489" s="3"/>
    </row>
    <row r="490" spans="1:5" ht="13" customHeight="1" x14ac:dyDescent="0.35">
      <c r="A490" s="3"/>
      <c r="C490" s="3"/>
      <c r="D490" s="3"/>
      <c r="E490" s="3"/>
    </row>
    <row r="491" spans="1:5" ht="13" customHeight="1" x14ac:dyDescent="0.35">
      <c r="A491" s="3"/>
      <c r="C491" s="3"/>
      <c r="D491" s="3"/>
      <c r="E491" s="3"/>
    </row>
    <row r="492" spans="1:5" ht="13" customHeight="1" x14ac:dyDescent="0.35">
      <c r="A492" s="3"/>
      <c r="C492" s="3"/>
      <c r="D492" s="3"/>
      <c r="E492" s="3"/>
    </row>
    <row r="493" spans="1:5" ht="13" customHeight="1" x14ac:dyDescent="0.35">
      <c r="A493" s="3"/>
      <c r="C493" s="3"/>
      <c r="D493" s="3"/>
      <c r="E493" s="3"/>
    </row>
    <row r="494" spans="1:5" ht="13" customHeight="1" x14ac:dyDescent="0.35">
      <c r="A494" s="3"/>
      <c r="C494" s="3"/>
      <c r="D494" s="3"/>
      <c r="E494" s="3"/>
    </row>
    <row r="495" spans="1:5" ht="13" customHeight="1" x14ac:dyDescent="0.35">
      <c r="A495" s="3"/>
      <c r="C495" s="3"/>
      <c r="D495" s="3"/>
      <c r="E495" s="3"/>
    </row>
    <row r="496" spans="1:5" ht="13" customHeight="1" x14ac:dyDescent="0.35">
      <c r="A496" s="3"/>
      <c r="C496" s="3"/>
      <c r="D496" s="3"/>
      <c r="E496" s="3"/>
    </row>
    <row r="497" spans="1:5" ht="13" customHeight="1" x14ac:dyDescent="0.35">
      <c r="A497" s="3"/>
      <c r="C497" s="3"/>
      <c r="D497" s="3"/>
      <c r="E497" s="3"/>
    </row>
    <row r="498" spans="1:5" ht="13" customHeight="1" x14ac:dyDescent="0.35">
      <c r="A498" s="3"/>
      <c r="C498" s="3"/>
      <c r="D498" s="3"/>
      <c r="E498" s="3"/>
    </row>
    <row r="499" spans="1:5" ht="13" customHeight="1" x14ac:dyDescent="0.35">
      <c r="A499" s="3"/>
      <c r="C499" s="3"/>
      <c r="D499" s="3"/>
      <c r="E499" s="3"/>
    </row>
    <row r="500" spans="1:5" ht="13" customHeight="1" x14ac:dyDescent="0.35">
      <c r="A500" s="3"/>
      <c r="C500" s="3"/>
      <c r="D500" s="3"/>
      <c r="E500" s="3"/>
    </row>
    <row r="501" spans="1:5" ht="13" customHeight="1" x14ac:dyDescent="0.35">
      <c r="A501" s="3"/>
      <c r="C501" s="3"/>
      <c r="D501" s="3"/>
      <c r="E501" s="3"/>
    </row>
    <row r="502" spans="1:5" ht="13" customHeight="1" x14ac:dyDescent="0.35">
      <c r="A502" s="3"/>
      <c r="C502" s="3"/>
      <c r="D502" s="3"/>
      <c r="E502" s="3"/>
    </row>
    <row r="503" spans="1:5" ht="13" customHeight="1" x14ac:dyDescent="0.35">
      <c r="A503" s="3"/>
      <c r="C503" s="3"/>
      <c r="D503" s="3"/>
      <c r="E503" s="3"/>
    </row>
    <row r="504" spans="1:5" ht="13" customHeight="1" x14ac:dyDescent="0.35">
      <c r="A504" s="3"/>
      <c r="C504" s="3"/>
      <c r="D504" s="3"/>
      <c r="E504" s="3"/>
    </row>
    <row r="505" spans="1:5" ht="13" customHeight="1" x14ac:dyDescent="0.35">
      <c r="A505" s="3"/>
      <c r="C505" s="3"/>
      <c r="D505" s="3"/>
      <c r="E505" s="3"/>
    </row>
    <row r="506" spans="1:5" ht="13" customHeight="1" x14ac:dyDescent="0.35">
      <c r="A506" s="3"/>
      <c r="C506" s="3"/>
      <c r="D506" s="3"/>
      <c r="E506" s="3"/>
    </row>
    <row r="507" spans="1:5" ht="13" customHeight="1" x14ac:dyDescent="0.35">
      <c r="A507" s="3"/>
      <c r="C507" s="3"/>
      <c r="D507" s="3"/>
      <c r="E507" s="3"/>
    </row>
    <row r="508" spans="1:5" ht="13" customHeight="1" x14ac:dyDescent="0.35">
      <c r="A508" s="3"/>
      <c r="C508" s="3"/>
      <c r="D508" s="3"/>
      <c r="E508" s="3"/>
    </row>
    <row r="509" spans="1:5" ht="13" customHeight="1" x14ac:dyDescent="0.35">
      <c r="A509" s="3"/>
      <c r="C509" s="3"/>
      <c r="D509" s="3"/>
      <c r="E509" s="3"/>
    </row>
    <row r="510" spans="1:5" ht="13" customHeight="1" x14ac:dyDescent="0.35">
      <c r="A510" s="3"/>
      <c r="C510" s="3"/>
      <c r="D510" s="3"/>
      <c r="E510" s="3"/>
    </row>
    <row r="511" spans="1:5" ht="13" customHeight="1" x14ac:dyDescent="0.35">
      <c r="A511" s="3"/>
      <c r="C511" s="3"/>
      <c r="D511" s="3"/>
      <c r="E511" s="3"/>
    </row>
    <row r="512" spans="1:5" ht="13" customHeight="1" x14ac:dyDescent="0.35">
      <c r="A512" s="3"/>
      <c r="C512" s="3"/>
      <c r="D512" s="3"/>
      <c r="E512" s="3"/>
    </row>
    <row r="513" spans="1:5" ht="13" customHeight="1" x14ac:dyDescent="0.35">
      <c r="A513" s="3"/>
      <c r="C513" s="3"/>
      <c r="D513" s="3"/>
      <c r="E513" s="3"/>
    </row>
    <row r="514" spans="1:5" ht="13" customHeight="1" x14ac:dyDescent="0.35">
      <c r="A514" s="3"/>
      <c r="C514" s="3"/>
      <c r="D514" s="3"/>
      <c r="E514" s="3"/>
    </row>
    <row r="515" spans="1:5" ht="13" customHeight="1" x14ac:dyDescent="0.35">
      <c r="A515" s="3"/>
      <c r="C515" s="3"/>
      <c r="D515" s="3"/>
      <c r="E515" s="3"/>
    </row>
    <row r="516" spans="1:5" ht="13" customHeight="1" x14ac:dyDescent="0.35">
      <c r="A516" s="3"/>
      <c r="C516" s="3"/>
      <c r="D516" s="3"/>
      <c r="E516" s="3"/>
    </row>
    <row r="517" spans="1:5" ht="13" customHeight="1" x14ac:dyDescent="0.35">
      <c r="A517" s="3"/>
      <c r="C517" s="3"/>
      <c r="D517" s="3"/>
      <c r="E517" s="3"/>
    </row>
    <row r="518" spans="1:5" ht="13" customHeight="1" x14ac:dyDescent="0.35">
      <c r="A518" s="3"/>
      <c r="C518" s="3"/>
      <c r="D518" s="3"/>
      <c r="E518" s="3"/>
    </row>
    <row r="519" spans="1:5" ht="13" customHeight="1" x14ac:dyDescent="0.35">
      <c r="A519" s="3"/>
      <c r="C519" s="3"/>
      <c r="D519" s="3"/>
      <c r="E519" s="3"/>
    </row>
    <row r="520" spans="1:5" ht="13" customHeight="1" x14ac:dyDescent="0.35">
      <c r="A520" s="3"/>
      <c r="C520" s="3"/>
      <c r="D520" s="3"/>
      <c r="E520" s="3"/>
    </row>
    <row r="521" spans="1:5" ht="13" customHeight="1" x14ac:dyDescent="0.35">
      <c r="A521" s="3"/>
      <c r="C521" s="3"/>
      <c r="D521" s="3"/>
      <c r="E521" s="3"/>
    </row>
    <row r="522" spans="1:5" ht="13" customHeight="1" x14ac:dyDescent="0.35">
      <c r="A522" s="3"/>
      <c r="C522" s="3"/>
      <c r="D522" s="3"/>
      <c r="E522" s="3"/>
    </row>
    <row r="523" spans="1:5" ht="13" customHeight="1" x14ac:dyDescent="0.35">
      <c r="A523" s="3"/>
      <c r="C523" s="3"/>
      <c r="D523" s="3"/>
      <c r="E523" s="3"/>
    </row>
    <row r="524" spans="1:5" ht="13" customHeight="1" x14ac:dyDescent="0.35">
      <c r="A524" s="3"/>
      <c r="C524" s="3"/>
      <c r="D524" s="3"/>
      <c r="E524" s="3"/>
    </row>
    <row r="525" spans="1:5" ht="13" customHeight="1" x14ac:dyDescent="0.35">
      <c r="A525" s="3"/>
      <c r="C525" s="3"/>
      <c r="D525" s="3"/>
      <c r="E525" s="3"/>
    </row>
    <row r="526" spans="1:5" ht="13" customHeight="1" x14ac:dyDescent="0.35">
      <c r="A526" s="3"/>
      <c r="C526" s="3"/>
      <c r="D526" s="3"/>
      <c r="E526" s="3"/>
    </row>
    <row r="527" spans="1:5" ht="13" customHeight="1" x14ac:dyDescent="0.35">
      <c r="A527" s="3"/>
      <c r="C527" s="3"/>
      <c r="D527" s="3"/>
      <c r="E527" s="3"/>
    </row>
    <row r="528" spans="1:5" ht="13" customHeight="1" x14ac:dyDescent="0.35">
      <c r="A528" s="3"/>
      <c r="C528" s="3"/>
      <c r="D528" s="3"/>
      <c r="E528" s="3"/>
    </row>
    <row r="529" spans="1:5" ht="13" customHeight="1" x14ac:dyDescent="0.35">
      <c r="A529" s="3"/>
      <c r="C529" s="3"/>
      <c r="D529" s="3"/>
      <c r="E529" s="3"/>
    </row>
    <row r="530" spans="1:5" ht="13" customHeight="1" x14ac:dyDescent="0.35">
      <c r="A530" s="3"/>
      <c r="C530" s="3"/>
      <c r="D530" s="3"/>
      <c r="E530" s="3"/>
    </row>
    <row r="531" spans="1:5" ht="13" customHeight="1" x14ac:dyDescent="0.35">
      <c r="A531" s="3"/>
      <c r="C531" s="3"/>
      <c r="D531" s="3"/>
      <c r="E531" s="3"/>
    </row>
    <row r="532" spans="1:5" ht="13" customHeight="1" x14ac:dyDescent="0.35">
      <c r="A532" s="3"/>
      <c r="C532" s="3"/>
      <c r="D532" s="3"/>
      <c r="E532" s="3"/>
    </row>
    <row r="533" spans="1:5" ht="13" customHeight="1" x14ac:dyDescent="0.35">
      <c r="A533" s="3"/>
      <c r="C533" s="3"/>
      <c r="D533" s="3"/>
      <c r="E533" s="3"/>
    </row>
    <row r="534" spans="1:5" ht="13" customHeight="1" x14ac:dyDescent="0.35">
      <c r="A534" s="3"/>
      <c r="C534" s="3"/>
      <c r="D534" s="3"/>
      <c r="E534" s="3"/>
    </row>
    <row r="535" spans="1:5" ht="13" customHeight="1" x14ac:dyDescent="0.35">
      <c r="A535" s="3"/>
      <c r="C535" s="3"/>
      <c r="D535" s="3"/>
      <c r="E535" s="3"/>
    </row>
    <row r="536" spans="1:5" ht="13" customHeight="1" x14ac:dyDescent="0.35">
      <c r="A536" s="3"/>
      <c r="C536" s="3"/>
      <c r="D536" s="3"/>
      <c r="E536" s="3"/>
    </row>
    <row r="537" spans="1:5" ht="13" customHeight="1" x14ac:dyDescent="0.35">
      <c r="A537" s="3"/>
      <c r="C537" s="3"/>
      <c r="D537" s="3"/>
      <c r="E537" s="3"/>
    </row>
    <row r="538" spans="1:5" ht="13" customHeight="1" x14ac:dyDescent="0.35">
      <c r="A538" s="3"/>
      <c r="C538" s="3"/>
      <c r="D538" s="3"/>
      <c r="E538" s="3"/>
    </row>
    <row r="539" spans="1:5" ht="13" customHeight="1" x14ac:dyDescent="0.35">
      <c r="A539" s="3"/>
      <c r="C539" s="3"/>
      <c r="D539" s="3"/>
      <c r="E539" s="3"/>
    </row>
    <row r="540" spans="1:5" ht="13" customHeight="1" x14ac:dyDescent="0.35">
      <c r="A540" s="3"/>
      <c r="C540" s="3"/>
      <c r="D540" s="3"/>
      <c r="E540" s="3"/>
    </row>
    <row r="541" spans="1:5" ht="13" customHeight="1" x14ac:dyDescent="0.35">
      <c r="A541" s="3"/>
      <c r="C541" s="3"/>
      <c r="D541" s="3"/>
      <c r="E541" s="3"/>
    </row>
    <row r="542" spans="1:5" ht="13" customHeight="1" x14ac:dyDescent="0.35">
      <c r="A542" s="3"/>
      <c r="C542" s="3"/>
      <c r="D542" s="3"/>
      <c r="E542" s="3"/>
    </row>
    <row r="543" spans="1:5" ht="13" customHeight="1" x14ac:dyDescent="0.35">
      <c r="A543" s="3"/>
      <c r="C543" s="3"/>
      <c r="D543" s="3"/>
      <c r="E543" s="3"/>
    </row>
    <row r="544" spans="1:5" ht="13" customHeight="1" x14ac:dyDescent="0.35">
      <c r="A544" s="3"/>
      <c r="C544" s="3"/>
      <c r="D544" s="3"/>
      <c r="E544" s="3"/>
    </row>
    <row r="545" spans="1:5" ht="13" customHeight="1" x14ac:dyDescent="0.35">
      <c r="A545" s="3"/>
      <c r="C545" s="3"/>
      <c r="D545" s="3"/>
      <c r="E545" s="3"/>
    </row>
    <row r="546" spans="1:5" ht="13" customHeight="1" x14ac:dyDescent="0.35">
      <c r="A546" s="3"/>
      <c r="C546" s="3"/>
      <c r="D546" s="3"/>
      <c r="E546" s="3"/>
    </row>
    <row r="547" spans="1:5" ht="13" customHeight="1" x14ac:dyDescent="0.35">
      <c r="A547" s="3"/>
      <c r="C547" s="3"/>
      <c r="D547" s="3"/>
      <c r="E547" s="3"/>
    </row>
    <row r="548" spans="1:5" ht="13" customHeight="1" x14ac:dyDescent="0.35">
      <c r="A548" s="3"/>
      <c r="C548" s="3"/>
      <c r="D548" s="3"/>
      <c r="E548" s="3"/>
    </row>
    <row r="549" spans="1:5" ht="13" customHeight="1" x14ac:dyDescent="0.35">
      <c r="A549" s="3"/>
      <c r="C549" s="3"/>
      <c r="D549" s="3"/>
      <c r="E549" s="3"/>
    </row>
    <row r="550" spans="1:5" ht="13" customHeight="1" x14ac:dyDescent="0.35">
      <c r="A550" s="3"/>
      <c r="C550" s="3"/>
      <c r="D550" s="3"/>
      <c r="E550" s="3"/>
    </row>
    <row r="551" spans="1:5" ht="13" customHeight="1" x14ac:dyDescent="0.35">
      <c r="A551" s="3"/>
      <c r="C551" s="3"/>
      <c r="D551" s="3"/>
      <c r="E551" s="3"/>
    </row>
    <row r="552" spans="1:5" ht="13" customHeight="1" x14ac:dyDescent="0.35">
      <c r="A552" s="3"/>
      <c r="C552" s="3"/>
      <c r="D552" s="3"/>
      <c r="E552" s="3"/>
    </row>
    <row r="553" spans="1:5" ht="13" customHeight="1" x14ac:dyDescent="0.35">
      <c r="A553" s="3"/>
      <c r="C553" s="3"/>
      <c r="D553" s="3"/>
      <c r="E553" s="3"/>
    </row>
    <row r="554" spans="1:5" ht="13" customHeight="1" x14ac:dyDescent="0.35">
      <c r="A554" s="3"/>
      <c r="C554" s="3"/>
      <c r="D554" s="3"/>
      <c r="E554" s="3"/>
    </row>
    <row r="555" spans="1:5" ht="13" customHeight="1" x14ac:dyDescent="0.35">
      <c r="A555" s="3"/>
      <c r="C555" s="3"/>
      <c r="D555" s="3"/>
      <c r="E555" s="3"/>
    </row>
    <row r="556" spans="1:5" ht="13" customHeight="1" x14ac:dyDescent="0.35">
      <c r="A556" s="3"/>
      <c r="C556" s="3"/>
      <c r="D556" s="3"/>
      <c r="E556" s="3"/>
    </row>
    <row r="557" spans="1:5" ht="13" customHeight="1" x14ac:dyDescent="0.35">
      <c r="A557" s="3"/>
      <c r="C557" s="3"/>
      <c r="D557" s="3"/>
      <c r="E557" s="3"/>
    </row>
    <row r="558" spans="1:5" ht="13" customHeight="1" x14ac:dyDescent="0.35">
      <c r="A558" s="3"/>
      <c r="C558" s="3"/>
      <c r="D558" s="3"/>
      <c r="E558" s="3"/>
    </row>
    <row r="559" spans="1:5" ht="13" customHeight="1" x14ac:dyDescent="0.35">
      <c r="A559" s="3"/>
      <c r="C559" s="3"/>
      <c r="D559" s="3"/>
      <c r="E559" s="3"/>
    </row>
    <row r="560" spans="1:5" ht="13" customHeight="1" x14ac:dyDescent="0.35">
      <c r="A560" s="3"/>
      <c r="C560" s="3"/>
      <c r="D560" s="3"/>
      <c r="E560" s="3"/>
    </row>
    <row r="561" spans="1:5" ht="13" customHeight="1" x14ac:dyDescent="0.35">
      <c r="A561" s="3"/>
      <c r="C561" s="3"/>
      <c r="D561" s="3"/>
      <c r="E561" s="3"/>
    </row>
    <row r="562" spans="1:5" ht="13" customHeight="1" x14ac:dyDescent="0.35">
      <c r="A562" s="3"/>
      <c r="C562" s="3"/>
      <c r="D562" s="3"/>
      <c r="E562" s="3"/>
    </row>
    <row r="563" spans="1:5" ht="13" customHeight="1" x14ac:dyDescent="0.35">
      <c r="A563" s="3"/>
      <c r="C563" s="3"/>
      <c r="D563" s="3"/>
      <c r="E563" s="3"/>
    </row>
    <row r="564" spans="1:5" ht="13" customHeight="1" x14ac:dyDescent="0.35">
      <c r="A564" s="3"/>
      <c r="C564" s="3"/>
      <c r="D564" s="3"/>
      <c r="E564" s="3"/>
    </row>
    <row r="565" spans="1:5" ht="13" customHeight="1" x14ac:dyDescent="0.35">
      <c r="A565" s="3"/>
      <c r="C565" s="3"/>
      <c r="D565" s="3"/>
      <c r="E565" s="3"/>
    </row>
    <row r="566" spans="1:5" ht="13" customHeight="1" x14ac:dyDescent="0.35">
      <c r="A566" s="3"/>
      <c r="C566" s="3"/>
      <c r="D566" s="3"/>
      <c r="E566" s="3"/>
    </row>
    <row r="567" spans="1:5" ht="13" customHeight="1" x14ac:dyDescent="0.35">
      <c r="A567" s="3"/>
      <c r="C567" s="3"/>
      <c r="D567" s="3"/>
      <c r="E567" s="3"/>
    </row>
    <row r="568" spans="1:5" ht="13" customHeight="1" x14ac:dyDescent="0.35">
      <c r="A568" s="3"/>
      <c r="C568" s="3"/>
      <c r="D568" s="3"/>
      <c r="E568" s="3"/>
    </row>
    <row r="569" spans="1:5" ht="13" customHeight="1" x14ac:dyDescent="0.35">
      <c r="A569" s="3"/>
      <c r="C569" s="3"/>
      <c r="D569" s="3"/>
      <c r="E569" s="3"/>
    </row>
    <row r="570" spans="1:5" ht="13" customHeight="1" x14ac:dyDescent="0.35">
      <c r="A570" s="3"/>
      <c r="C570" s="3"/>
      <c r="D570" s="3"/>
      <c r="E570" s="3"/>
    </row>
    <row r="571" spans="1:5" ht="13" customHeight="1" x14ac:dyDescent="0.35">
      <c r="A571" s="3"/>
      <c r="C571" s="3"/>
      <c r="D571" s="3"/>
      <c r="E571" s="3"/>
    </row>
    <row r="572" spans="1:5" ht="13" customHeight="1" x14ac:dyDescent="0.35">
      <c r="A572" s="3"/>
      <c r="C572" s="3"/>
      <c r="D572" s="3"/>
      <c r="E572" s="3"/>
    </row>
    <row r="573" spans="1:5" ht="13" customHeight="1" x14ac:dyDescent="0.35">
      <c r="A573" s="3"/>
      <c r="C573" s="3"/>
      <c r="D573" s="3"/>
      <c r="E573" s="3"/>
    </row>
    <row r="574" spans="1:5" ht="13" customHeight="1" x14ac:dyDescent="0.35">
      <c r="A574" s="3"/>
      <c r="C574" s="3"/>
      <c r="D574" s="3"/>
      <c r="E574" s="3"/>
    </row>
    <row r="575" spans="1:5" ht="13" customHeight="1" x14ac:dyDescent="0.35">
      <c r="A575" s="3"/>
      <c r="C575" s="3"/>
      <c r="D575" s="3"/>
      <c r="E575" s="3"/>
    </row>
    <row r="576" spans="1:5" ht="13" customHeight="1" x14ac:dyDescent="0.35">
      <c r="A576" s="3"/>
      <c r="C576" s="3"/>
      <c r="D576" s="3"/>
      <c r="E576" s="3"/>
    </row>
    <row r="577" spans="1:5" ht="13" customHeight="1" x14ac:dyDescent="0.35">
      <c r="A577" s="3"/>
      <c r="C577" s="3"/>
      <c r="D577" s="3"/>
      <c r="E577" s="3"/>
    </row>
    <row r="578" spans="1:5" ht="13" customHeight="1" x14ac:dyDescent="0.35">
      <c r="A578" s="3"/>
      <c r="C578" s="3"/>
      <c r="D578" s="3"/>
      <c r="E578" s="3"/>
    </row>
    <row r="579" spans="1:5" ht="13" customHeight="1" x14ac:dyDescent="0.35">
      <c r="A579" s="3"/>
      <c r="C579" s="3"/>
      <c r="D579" s="3"/>
      <c r="E579" s="3"/>
    </row>
    <row r="580" spans="1:5" ht="13" customHeight="1" x14ac:dyDescent="0.35">
      <c r="A580" s="3"/>
      <c r="C580" s="3"/>
      <c r="D580" s="3"/>
      <c r="E580" s="3"/>
    </row>
    <row r="581" spans="1:5" ht="13" customHeight="1" x14ac:dyDescent="0.35">
      <c r="A581" s="3"/>
      <c r="C581" s="3"/>
      <c r="D581" s="3"/>
      <c r="E581" s="3"/>
    </row>
    <row r="582" spans="1:5" ht="13" customHeight="1" x14ac:dyDescent="0.35">
      <c r="A582" s="3"/>
      <c r="C582" s="3"/>
      <c r="D582" s="3"/>
      <c r="E582" s="3"/>
    </row>
    <row r="583" spans="1:5" ht="13" customHeight="1" x14ac:dyDescent="0.35">
      <c r="A583" s="3"/>
      <c r="C583" s="3"/>
      <c r="D583" s="3"/>
      <c r="E583" s="3"/>
    </row>
    <row r="584" spans="1:5" ht="13" customHeight="1" x14ac:dyDescent="0.35">
      <c r="A584" s="3"/>
      <c r="C584" s="3"/>
      <c r="D584" s="3"/>
      <c r="E584" s="3"/>
    </row>
    <row r="585" spans="1:5" ht="13" customHeight="1" x14ac:dyDescent="0.35">
      <c r="A585" s="3"/>
      <c r="C585" s="3"/>
      <c r="D585" s="3"/>
      <c r="E585" s="3"/>
    </row>
    <row r="586" spans="1:5" ht="13" customHeight="1" x14ac:dyDescent="0.35">
      <c r="A586" s="3"/>
      <c r="C586" s="3"/>
      <c r="D586" s="3"/>
      <c r="E586" s="3"/>
    </row>
    <row r="587" spans="1:5" ht="13" customHeight="1" x14ac:dyDescent="0.35">
      <c r="A587" s="3"/>
      <c r="C587" s="3"/>
      <c r="D587" s="3"/>
      <c r="E587" s="3"/>
    </row>
    <row r="588" spans="1:5" ht="13" customHeight="1" x14ac:dyDescent="0.35">
      <c r="A588" s="3"/>
      <c r="C588" s="3"/>
      <c r="D588" s="3"/>
      <c r="E588" s="3"/>
    </row>
    <row r="589" spans="1:5" ht="13" customHeight="1" x14ac:dyDescent="0.35">
      <c r="A589" s="3"/>
      <c r="C589" s="3"/>
      <c r="D589" s="3"/>
      <c r="E589" s="3"/>
    </row>
    <row r="590" spans="1:5" ht="13" customHeight="1" x14ac:dyDescent="0.35">
      <c r="A590" s="3"/>
      <c r="C590" s="3"/>
      <c r="D590" s="3"/>
      <c r="E590" s="3"/>
    </row>
    <row r="591" spans="1:5" ht="13" customHeight="1" x14ac:dyDescent="0.35">
      <c r="A591" s="3"/>
      <c r="C591" s="3"/>
      <c r="D591" s="3"/>
      <c r="E591" s="3"/>
    </row>
    <row r="592" spans="1:5" ht="13" customHeight="1" x14ac:dyDescent="0.35">
      <c r="A592" s="3"/>
      <c r="C592" s="3"/>
      <c r="D592" s="3"/>
      <c r="E592" s="3"/>
    </row>
    <row r="593" spans="1:5" ht="13" customHeight="1" x14ac:dyDescent="0.35">
      <c r="A593" s="3"/>
      <c r="C593" s="3"/>
      <c r="D593" s="3"/>
      <c r="E593" s="3"/>
    </row>
    <row r="594" spans="1:5" ht="13" customHeight="1" x14ac:dyDescent="0.35">
      <c r="A594" s="3"/>
      <c r="C594" s="3"/>
      <c r="D594" s="3"/>
      <c r="E594" s="3"/>
    </row>
    <row r="595" spans="1:5" ht="13" customHeight="1" x14ac:dyDescent="0.35">
      <c r="A595" s="3"/>
      <c r="C595" s="3"/>
      <c r="D595" s="3"/>
      <c r="E595" s="3"/>
    </row>
    <row r="596" spans="1:5" ht="13" customHeight="1" x14ac:dyDescent="0.35">
      <c r="A596" s="3"/>
      <c r="C596" s="3"/>
      <c r="D596" s="3"/>
      <c r="E596" s="3"/>
    </row>
    <row r="597" spans="1:5" ht="13" customHeight="1" x14ac:dyDescent="0.35">
      <c r="A597" s="3"/>
      <c r="C597" s="3"/>
      <c r="D597" s="3"/>
      <c r="E597" s="3"/>
    </row>
    <row r="598" spans="1:5" ht="13" customHeight="1" x14ac:dyDescent="0.35">
      <c r="A598" s="3"/>
      <c r="C598" s="3"/>
      <c r="D598" s="3"/>
      <c r="E598" s="3"/>
    </row>
    <row r="599" spans="1:5" ht="13" customHeight="1" x14ac:dyDescent="0.35">
      <c r="A599" s="3"/>
      <c r="C599" s="3"/>
      <c r="D599" s="3"/>
      <c r="E599" s="3"/>
    </row>
    <row r="600" spans="1:5" ht="13" customHeight="1" x14ac:dyDescent="0.35">
      <c r="A600" s="3"/>
      <c r="C600" s="3"/>
      <c r="D600" s="3"/>
      <c r="E600" s="3"/>
    </row>
    <row r="601" spans="1:5" ht="13" customHeight="1" x14ac:dyDescent="0.35">
      <c r="A601" s="3"/>
      <c r="C601" s="3"/>
      <c r="D601" s="3"/>
      <c r="E601" s="3"/>
    </row>
    <row r="602" spans="1:5" ht="13" customHeight="1" x14ac:dyDescent="0.35">
      <c r="A602" s="3"/>
      <c r="C602" s="3"/>
      <c r="D602" s="3"/>
      <c r="E602" s="3"/>
    </row>
    <row r="603" spans="1:5" ht="13" customHeight="1" x14ac:dyDescent="0.35">
      <c r="A603" s="3"/>
      <c r="C603" s="3"/>
      <c r="D603" s="3"/>
      <c r="E603" s="3"/>
    </row>
    <row r="604" spans="1:5" ht="13" customHeight="1" x14ac:dyDescent="0.35">
      <c r="A604" s="3"/>
      <c r="C604" s="3"/>
      <c r="D604" s="3"/>
      <c r="E604" s="3"/>
    </row>
    <row r="605" spans="1:5" ht="13" customHeight="1" x14ac:dyDescent="0.35">
      <c r="A605" s="3"/>
      <c r="C605" s="3"/>
      <c r="D605" s="3"/>
      <c r="E605" s="3"/>
    </row>
    <row r="606" spans="1:5" ht="13" customHeight="1" x14ac:dyDescent="0.35">
      <c r="A606" s="3"/>
      <c r="C606" s="3"/>
      <c r="D606" s="3"/>
      <c r="E606" s="3"/>
    </row>
    <row r="607" spans="1:5" ht="13" customHeight="1" x14ac:dyDescent="0.35">
      <c r="A607" s="3"/>
      <c r="C607" s="3"/>
      <c r="D607" s="3"/>
      <c r="E607" s="3"/>
    </row>
    <row r="608" spans="1:5" ht="13" customHeight="1" x14ac:dyDescent="0.35">
      <c r="A608" s="3"/>
      <c r="C608" s="3"/>
      <c r="D608" s="3"/>
      <c r="E608" s="3"/>
    </row>
    <row r="609" spans="1:5" ht="13" customHeight="1" x14ac:dyDescent="0.35">
      <c r="A609" s="3"/>
      <c r="C609" s="3"/>
      <c r="D609" s="3"/>
      <c r="E609" s="3"/>
    </row>
    <row r="610" spans="1:5" ht="13" customHeight="1" x14ac:dyDescent="0.35">
      <c r="A610" s="3"/>
      <c r="C610" s="3"/>
      <c r="D610" s="3"/>
      <c r="E610" s="3"/>
    </row>
    <row r="611" spans="1:5" ht="13" customHeight="1" x14ac:dyDescent="0.35">
      <c r="A611" s="3"/>
      <c r="C611" s="3"/>
      <c r="D611" s="3"/>
      <c r="E611" s="3"/>
    </row>
    <row r="612" spans="1:5" ht="13" customHeight="1" x14ac:dyDescent="0.35">
      <c r="A612" s="3"/>
      <c r="C612" s="3"/>
      <c r="D612" s="3"/>
      <c r="E612" s="3"/>
    </row>
    <row r="613" spans="1:5" ht="13" customHeight="1" x14ac:dyDescent="0.35">
      <c r="A613" s="3"/>
      <c r="C613" s="3"/>
      <c r="D613" s="3"/>
      <c r="E613" s="3"/>
    </row>
    <row r="614" spans="1:5" ht="13" customHeight="1" x14ac:dyDescent="0.35">
      <c r="A614" s="3"/>
      <c r="C614" s="3"/>
      <c r="D614" s="3"/>
      <c r="E614" s="3"/>
    </row>
    <row r="615" spans="1:5" ht="13" customHeight="1" x14ac:dyDescent="0.35">
      <c r="A615" s="3"/>
      <c r="C615" s="3"/>
      <c r="D615" s="3"/>
      <c r="E615" s="3"/>
    </row>
    <row r="616" spans="1:5" ht="13" customHeight="1" x14ac:dyDescent="0.35">
      <c r="A616" s="3"/>
      <c r="C616" s="3"/>
      <c r="D616" s="3"/>
      <c r="E616" s="3"/>
    </row>
    <row r="617" spans="1:5" ht="13" customHeight="1" x14ac:dyDescent="0.35">
      <c r="A617" s="3"/>
      <c r="C617" s="3"/>
      <c r="D617" s="3"/>
      <c r="E617" s="3"/>
    </row>
    <row r="618" spans="1:5" ht="13" customHeight="1" x14ac:dyDescent="0.35">
      <c r="A618" s="3"/>
      <c r="C618" s="3"/>
      <c r="D618" s="3"/>
      <c r="E618" s="3"/>
    </row>
    <row r="619" spans="1:5" ht="13" customHeight="1" x14ac:dyDescent="0.35">
      <c r="A619" s="3"/>
      <c r="C619" s="3"/>
      <c r="D619" s="3"/>
      <c r="E619" s="3"/>
    </row>
    <row r="620" spans="1:5" ht="13" customHeight="1" x14ac:dyDescent="0.35">
      <c r="A620" s="3"/>
      <c r="C620" s="3"/>
      <c r="D620" s="3"/>
      <c r="E620" s="3"/>
    </row>
    <row r="621" spans="1:5" ht="13" customHeight="1" x14ac:dyDescent="0.35">
      <c r="A621" s="3"/>
      <c r="C621" s="3"/>
      <c r="D621" s="3"/>
      <c r="E621" s="3"/>
    </row>
    <row r="622" spans="1:5" ht="13" customHeight="1" x14ac:dyDescent="0.35">
      <c r="A622" s="3"/>
      <c r="C622" s="3"/>
      <c r="D622" s="3"/>
      <c r="E622" s="3"/>
    </row>
    <row r="623" spans="1:5" ht="13" customHeight="1" x14ac:dyDescent="0.35">
      <c r="A623" s="3"/>
      <c r="C623" s="3"/>
      <c r="D623" s="3"/>
      <c r="E623" s="3"/>
    </row>
    <row r="624" spans="1:5" ht="13" customHeight="1" x14ac:dyDescent="0.35">
      <c r="A624" s="3"/>
      <c r="C624" s="3"/>
      <c r="D624" s="3"/>
      <c r="E624" s="3"/>
    </row>
    <row r="625" spans="1:5" ht="13" customHeight="1" x14ac:dyDescent="0.35">
      <c r="A625" s="3"/>
      <c r="C625" s="3"/>
      <c r="D625" s="3"/>
      <c r="E625" s="3"/>
    </row>
    <row r="626" spans="1:5" ht="13" customHeight="1" x14ac:dyDescent="0.35">
      <c r="A626" s="3"/>
      <c r="C626" s="3"/>
      <c r="D626" s="3"/>
      <c r="E626" s="3"/>
    </row>
    <row r="627" spans="1:5" ht="13" customHeight="1" x14ac:dyDescent="0.35">
      <c r="A627" s="3"/>
      <c r="C627" s="3"/>
      <c r="D627" s="3"/>
      <c r="E627" s="3"/>
    </row>
    <row r="628" spans="1:5" ht="13" customHeight="1" x14ac:dyDescent="0.35">
      <c r="A628" s="3"/>
      <c r="C628" s="3"/>
      <c r="D628" s="3"/>
      <c r="E628" s="3"/>
    </row>
    <row r="629" spans="1:5" ht="13" customHeight="1" x14ac:dyDescent="0.35">
      <c r="A629" s="3"/>
      <c r="C629" s="3"/>
      <c r="D629" s="3"/>
      <c r="E629" s="3"/>
    </row>
    <row r="630" spans="1:5" ht="13" customHeight="1" x14ac:dyDescent="0.35">
      <c r="A630" s="3"/>
      <c r="C630" s="3"/>
      <c r="D630" s="3"/>
      <c r="E630" s="3"/>
    </row>
    <row r="631" spans="1:5" ht="13" customHeight="1" x14ac:dyDescent="0.35">
      <c r="A631" s="3"/>
      <c r="C631" s="3"/>
      <c r="D631" s="3"/>
      <c r="E631" s="3"/>
    </row>
    <row r="632" spans="1:5" ht="13" customHeight="1" x14ac:dyDescent="0.35">
      <c r="A632" s="3"/>
      <c r="C632" s="3"/>
      <c r="D632" s="3"/>
      <c r="E632" s="3"/>
    </row>
    <row r="633" spans="1:5" ht="13" customHeight="1" x14ac:dyDescent="0.35">
      <c r="A633" s="3"/>
      <c r="C633" s="3"/>
      <c r="D633" s="3"/>
      <c r="E633" s="3"/>
    </row>
    <row r="634" spans="1:5" ht="13" customHeight="1" x14ac:dyDescent="0.35">
      <c r="A634" s="3"/>
      <c r="C634" s="3"/>
      <c r="D634" s="3"/>
      <c r="E634" s="3"/>
    </row>
    <row r="635" spans="1:5" ht="13" customHeight="1" x14ac:dyDescent="0.35">
      <c r="A635" s="3"/>
      <c r="C635" s="3"/>
      <c r="D635" s="3"/>
      <c r="E635" s="3"/>
    </row>
    <row r="636" spans="1:5" ht="13" customHeight="1" x14ac:dyDescent="0.35">
      <c r="A636" s="3"/>
      <c r="C636" s="3"/>
      <c r="D636" s="3"/>
      <c r="E636" s="3"/>
    </row>
    <row r="637" spans="1:5" ht="13" customHeight="1" x14ac:dyDescent="0.35">
      <c r="A637" s="3"/>
      <c r="C637" s="3"/>
      <c r="D637" s="3"/>
      <c r="E637" s="3"/>
    </row>
    <row r="638" spans="1:5" ht="13" customHeight="1" x14ac:dyDescent="0.35">
      <c r="A638" s="3"/>
      <c r="C638" s="3"/>
      <c r="D638" s="3"/>
      <c r="E638" s="3"/>
    </row>
    <row r="639" spans="1:5" ht="13" customHeight="1" x14ac:dyDescent="0.35">
      <c r="A639" s="3"/>
      <c r="C639" s="3"/>
      <c r="D639" s="3"/>
      <c r="E639" s="3"/>
    </row>
    <row r="640" spans="1:5" ht="13" customHeight="1" x14ac:dyDescent="0.35">
      <c r="A640" s="3"/>
      <c r="C640" s="3"/>
      <c r="D640" s="3"/>
      <c r="E640" s="3"/>
    </row>
    <row r="641" spans="1:5" ht="13" customHeight="1" x14ac:dyDescent="0.35">
      <c r="A641" s="3"/>
      <c r="C641" s="3"/>
      <c r="D641" s="3"/>
      <c r="E641" s="3"/>
    </row>
    <row r="642" spans="1:5" ht="13" customHeight="1" x14ac:dyDescent="0.35">
      <c r="A642" s="3"/>
      <c r="C642" s="3"/>
      <c r="D642" s="3"/>
      <c r="E642" s="3"/>
    </row>
    <row r="643" spans="1:5" ht="13" customHeight="1" x14ac:dyDescent="0.35">
      <c r="A643" s="3"/>
      <c r="C643" s="3"/>
      <c r="D643" s="3"/>
      <c r="E643" s="3"/>
    </row>
    <row r="644" spans="1:5" ht="13" customHeight="1" x14ac:dyDescent="0.35">
      <c r="A644" s="3"/>
      <c r="C644" s="3"/>
      <c r="D644" s="3"/>
      <c r="E644" s="3"/>
    </row>
    <row r="645" spans="1:5" ht="13" customHeight="1" x14ac:dyDescent="0.35">
      <c r="A645" s="3"/>
      <c r="C645" s="3"/>
      <c r="D645" s="3"/>
      <c r="E645" s="3"/>
    </row>
    <row r="646" spans="1:5" ht="13" customHeight="1" x14ac:dyDescent="0.35">
      <c r="A646" s="3"/>
      <c r="C646" s="3"/>
      <c r="D646" s="3"/>
      <c r="E646" s="3"/>
    </row>
    <row r="647" spans="1:5" ht="13" customHeight="1" x14ac:dyDescent="0.35">
      <c r="A647" s="3"/>
      <c r="C647" s="3"/>
      <c r="D647" s="3"/>
      <c r="E647" s="3"/>
    </row>
    <row r="648" spans="1:5" ht="13" customHeight="1" x14ac:dyDescent="0.35">
      <c r="A648" s="3"/>
      <c r="C648" s="3"/>
      <c r="D648" s="3"/>
      <c r="E648" s="3"/>
    </row>
    <row r="649" spans="1:5" ht="13" customHeight="1" x14ac:dyDescent="0.35">
      <c r="A649" s="3"/>
      <c r="C649" s="3"/>
      <c r="D649" s="3"/>
      <c r="E649" s="3"/>
    </row>
    <row r="650" spans="1:5" ht="13" customHeight="1" x14ac:dyDescent="0.35">
      <c r="A650" s="3"/>
      <c r="C650" s="3"/>
      <c r="D650" s="3"/>
      <c r="E650" s="3"/>
    </row>
    <row r="651" spans="1:5" ht="13" customHeight="1" x14ac:dyDescent="0.35">
      <c r="A651" s="3"/>
      <c r="C651" s="3"/>
      <c r="D651" s="3"/>
      <c r="E651" s="3"/>
    </row>
    <row r="652" spans="1:5" ht="13" customHeight="1" x14ac:dyDescent="0.35">
      <c r="A652" s="3"/>
      <c r="C652" s="3"/>
      <c r="D652" s="3"/>
      <c r="E652" s="3"/>
    </row>
    <row r="653" spans="1:5" ht="13" customHeight="1" x14ac:dyDescent="0.35">
      <c r="A653" s="3"/>
      <c r="C653" s="3"/>
      <c r="D653" s="3"/>
      <c r="E653" s="3"/>
    </row>
    <row r="654" spans="1:5" ht="13" customHeight="1" x14ac:dyDescent="0.35">
      <c r="A654" s="3"/>
      <c r="C654" s="3"/>
      <c r="D654" s="3"/>
      <c r="E654" s="3"/>
    </row>
    <row r="655" spans="1:5" ht="13" customHeight="1" x14ac:dyDescent="0.35">
      <c r="A655" s="3"/>
      <c r="C655" s="3"/>
      <c r="D655" s="3"/>
      <c r="E655" s="3"/>
    </row>
    <row r="656" spans="1:5" ht="13" customHeight="1" x14ac:dyDescent="0.35">
      <c r="A656" s="3"/>
      <c r="C656" s="3"/>
      <c r="D656" s="3"/>
      <c r="E656" s="3"/>
    </row>
    <row r="657" spans="1:5" ht="13" customHeight="1" x14ac:dyDescent="0.35">
      <c r="A657" s="3"/>
      <c r="C657" s="3"/>
      <c r="D657" s="3"/>
      <c r="E657" s="3"/>
    </row>
    <row r="658" spans="1:5" ht="13" customHeight="1" x14ac:dyDescent="0.35">
      <c r="A658" s="3"/>
      <c r="C658" s="3"/>
      <c r="D658" s="3"/>
      <c r="E658" s="3"/>
    </row>
    <row r="659" spans="1:5" ht="13" customHeight="1" x14ac:dyDescent="0.35">
      <c r="A659" s="3"/>
      <c r="C659" s="3"/>
      <c r="D659" s="3"/>
      <c r="E659" s="3"/>
    </row>
    <row r="660" spans="1:5" ht="13" customHeight="1" x14ac:dyDescent="0.35">
      <c r="A660" s="3"/>
      <c r="C660" s="3"/>
      <c r="D660" s="3"/>
      <c r="E660" s="3"/>
    </row>
    <row r="661" spans="1:5" ht="13" customHeight="1" x14ac:dyDescent="0.35">
      <c r="A661" s="3"/>
      <c r="C661" s="3"/>
      <c r="D661" s="3"/>
      <c r="E661" s="3"/>
    </row>
    <row r="662" spans="1:5" ht="13" customHeight="1" x14ac:dyDescent="0.35">
      <c r="A662" s="3"/>
      <c r="C662" s="3"/>
      <c r="D662" s="3"/>
      <c r="E662" s="3"/>
    </row>
    <row r="663" spans="1:5" ht="13" customHeight="1" x14ac:dyDescent="0.35">
      <c r="A663" s="3"/>
      <c r="C663" s="3"/>
      <c r="D663" s="3"/>
      <c r="E663" s="3"/>
    </row>
    <row r="664" spans="1:5" ht="13" customHeight="1" x14ac:dyDescent="0.35">
      <c r="A664" s="3"/>
      <c r="C664" s="3"/>
      <c r="D664" s="3"/>
      <c r="E664" s="3"/>
    </row>
    <row r="665" spans="1:5" ht="13" customHeight="1" x14ac:dyDescent="0.35">
      <c r="A665" s="3"/>
      <c r="C665" s="3"/>
      <c r="D665" s="3"/>
      <c r="E665" s="3"/>
    </row>
    <row r="666" spans="1:5" ht="13" customHeight="1" x14ac:dyDescent="0.35">
      <c r="A666" s="3"/>
      <c r="C666" s="3"/>
      <c r="D666" s="3"/>
      <c r="E666" s="3"/>
    </row>
    <row r="667" spans="1:5" ht="13" customHeight="1" x14ac:dyDescent="0.35">
      <c r="A667" s="3"/>
      <c r="C667" s="3"/>
      <c r="D667" s="3"/>
      <c r="E667" s="3"/>
    </row>
    <row r="668" spans="1:5" ht="13" customHeight="1" x14ac:dyDescent="0.35">
      <c r="A668" s="3"/>
      <c r="C668" s="3"/>
      <c r="D668" s="3"/>
      <c r="E668" s="3"/>
    </row>
    <row r="669" spans="1:5" ht="13" customHeight="1" x14ac:dyDescent="0.35">
      <c r="A669" s="3"/>
      <c r="C669" s="3"/>
      <c r="D669" s="3"/>
      <c r="E669" s="3"/>
    </row>
    <row r="670" spans="1:5" ht="13" customHeight="1" x14ac:dyDescent="0.35">
      <c r="A670" s="3"/>
      <c r="C670" s="3"/>
      <c r="D670" s="3"/>
      <c r="E670" s="3"/>
    </row>
    <row r="671" spans="1:5" ht="13" customHeight="1" x14ac:dyDescent="0.35">
      <c r="A671" s="3"/>
      <c r="C671" s="3"/>
      <c r="D671" s="3"/>
      <c r="E671" s="3"/>
    </row>
    <row r="672" spans="1:5" ht="13" customHeight="1" x14ac:dyDescent="0.35">
      <c r="A672" s="3"/>
      <c r="C672" s="3"/>
      <c r="D672" s="3"/>
      <c r="E672" s="3"/>
    </row>
    <row r="673" spans="1:5" ht="13" customHeight="1" x14ac:dyDescent="0.35">
      <c r="A673" s="3"/>
      <c r="C673" s="3"/>
      <c r="D673" s="3"/>
      <c r="E673" s="3"/>
    </row>
    <row r="674" spans="1:5" ht="13" customHeight="1" x14ac:dyDescent="0.35">
      <c r="A674" s="3"/>
      <c r="C674" s="3"/>
      <c r="D674" s="3"/>
      <c r="E674" s="3"/>
    </row>
    <row r="675" spans="1:5" ht="13" customHeight="1" x14ac:dyDescent="0.35">
      <c r="A675" s="3"/>
      <c r="C675" s="3"/>
      <c r="D675" s="3"/>
      <c r="E675" s="3"/>
    </row>
    <row r="676" spans="1:5" ht="13" customHeight="1" x14ac:dyDescent="0.35">
      <c r="A676" s="3"/>
      <c r="C676" s="3"/>
      <c r="D676" s="3"/>
      <c r="E676" s="3"/>
    </row>
    <row r="677" spans="1:5" ht="13" customHeight="1" x14ac:dyDescent="0.35">
      <c r="A677" s="3"/>
      <c r="C677" s="3"/>
      <c r="D677" s="3"/>
      <c r="E677" s="3"/>
    </row>
    <row r="678" spans="1:5" ht="13" customHeight="1" x14ac:dyDescent="0.35">
      <c r="A678" s="3"/>
      <c r="C678" s="3"/>
      <c r="D678" s="3"/>
      <c r="E678" s="3"/>
    </row>
    <row r="679" spans="1:5" ht="13" customHeight="1" x14ac:dyDescent="0.35">
      <c r="A679" s="3"/>
      <c r="C679" s="3"/>
      <c r="D679" s="3"/>
      <c r="E679" s="3"/>
    </row>
    <row r="680" spans="1:5" ht="13" customHeight="1" x14ac:dyDescent="0.35">
      <c r="A680" s="3"/>
      <c r="C680" s="3"/>
      <c r="D680" s="3"/>
      <c r="E680" s="3"/>
    </row>
    <row r="681" spans="1:5" ht="13" customHeight="1" x14ac:dyDescent="0.35">
      <c r="A681" s="3"/>
      <c r="C681" s="3"/>
      <c r="D681" s="3"/>
      <c r="E681" s="3"/>
    </row>
    <row r="682" spans="1:5" ht="13" customHeight="1" x14ac:dyDescent="0.35">
      <c r="A682" s="3"/>
      <c r="C682" s="3"/>
      <c r="D682" s="3"/>
      <c r="E682" s="3"/>
    </row>
    <row r="683" spans="1:5" ht="13" customHeight="1" x14ac:dyDescent="0.35">
      <c r="A683" s="3"/>
      <c r="C683" s="3"/>
      <c r="D683" s="3"/>
      <c r="E683" s="3"/>
    </row>
    <row r="684" spans="1:5" ht="13" customHeight="1" x14ac:dyDescent="0.35">
      <c r="A684" s="3"/>
      <c r="C684" s="3"/>
      <c r="D684" s="3"/>
      <c r="E684" s="3"/>
    </row>
    <row r="685" spans="1:5" ht="13" customHeight="1" x14ac:dyDescent="0.35">
      <c r="A685" s="3"/>
      <c r="C685" s="3"/>
      <c r="D685" s="3"/>
      <c r="E685" s="3"/>
    </row>
    <row r="686" spans="1:5" ht="13" customHeight="1" x14ac:dyDescent="0.35">
      <c r="A686" s="3"/>
      <c r="C686" s="3"/>
      <c r="D686" s="3"/>
      <c r="E686" s="3"/>
    </row>
    <row r="687" spans="1:5" ht="13" customHeight="1" x14ac:dyDescent="0.35">
      <c r="A687" s="3"/>
      <c r="C687" s="3"/>
      <c r="D687" s="3"/>
      <c r="E687" s="3"/>
    </row>
    <row r="688" spans="1:5" ht="13" customHeight="1" x14ac:dyDescent="0.35">
      <c r="A688" s="3"/>
      <c r="C688" s="3"/>
      <c r="D688" s="3"/>
      <c r="E688" s="3"/>
    </row>
    <row r="689" spans="1:5" ht="13" customHeight="1" x14ac:dyDescent="0.35">
      <c r="A689" s="3"/>
      <c r="C689" s="3"/>
      <c r="D689" s="3"/>
      <c r="E689" s="3"/>
    </row>
    <row r="690" spans="1:5" ht="13" customHeight="1" x14ac:dyDescent="0.35">
      <c r="A690" s="3"/>
      <c r="C690" s="3"/>
      <c r="D690" s="3"/>
      <c r="E690" s="3"/>
    </row>
    <row r="691" spans="1:5" ht="13" customHeight="1" x14ac:dyDescent="0.35">
      <c r="A691" s="3"/>
      <c r="C691" s="3"/>
      <c r="D691" s="3"/>
      <c r="E691" s="3"/>
    </row>
    <row r="692" spans="1:5" ht="13" customHeight="1" x14ac:dyDescent="0.35">
      <c r="A692" s="3"/>
      <c r="C692" s="3"/>
      <c r="D692" s="3"/>
      <c r="E692" s="3"/>
    </row>
    <row r="693" spans="1:5" ht="13" customHeight="1" x14ac:dyDescent="0.35">
      <c r="A693" s="3"/>
      <c r="C693" s="3"/>
      <c r="D693" s="3"/>
      <c r="E693" s="3"/>
    </row>
    <row r="694" spans="1:5" ht="13" customHeight="1" x14ac:dyDescent="0.35">
      <c r="A694" s="3"/>
      <c r="C694" s="3"/>
      <c r="D694" s="3"/>
      <c r="E694" s="3"/>
    </row>
    <row r="695" spans="1:5" ht="13" customHeight="1" x14ac:dyDescent="0.35">
      <c r="A695" s="3"/>
      <c r="C695" s="3"/>
      <c r="D695" s="3"/>
      <c r="E695" s="3"/>
    </row>
    <row r="696" spans="1:5" ht="13" customHeight="1" x14ac:dyDescent="0.35">
      <c r="A696" s="3"/>
      <c r="C696" s="3"/>
      <c r="D696" s="3"/>
      <c r="E696" s="3"/>
    </row>
    <row r="697" spans="1:5" ht="13" customHeight="1" x14ac:dyDescent="0.35">
      <c r="A697" s="3"/>
      <c r="C697" s="3"/>
      <c r="D697" s="3"/>
      <c r="E697" s="3"/>
    </row>
    <row r="698" spans="1:5" ht="13" customHeight="1" x14ac:dyDescent="0.35">
      <c r="A698" s="3"/>
      <c r="C698" s="3"/>
      <c r="D698" s="3"/>
      <c r="E698" s="3"/>
    </row>
    <row r="699" spans="1:5" ht="13" customHeight="1" x14ac:dyDescent="0.35">
      <c r="A699" s="3"/>
      <c r="C699" s="3"/>
      <c r="D699" s="3"/>
      <c r="E699" s="3"/>
    </row>
    <row r="700" spans="1:5" ht="13" customHeight="1" x14ac:dyDescent="0.35">
      <c r="A700" s="3"/>
      <c r="C700" s="3"/>
      <c r="D700" s="3"/>
      <c r="E700" s="3"/>
    </row>
    <row r="701" spans="1:5" ht="13" customHeight="1" x14ac:dyDescent="0.35">
      <c r="A701" s="3"/>
      <c r="C701" s="3"/>
      <c r="D701" s="3"/>
      <c r="E701" s="3"/>
    </row>
    <row r="702" spans="1:5" ht="13" customHeight="1" x14ac:dyDescent="0.35">
      <c r="A702" s="3"/>
      <c r="C702" s="3"/>
      <c r="D702" s="3"/>
      <c r="E702" s="3"/>
    </row>
    <row r="703" spans="1:5" ht="13" customHeight="1" x14ac:dyDescent="0.35">
      <c r="A703" s="3"/>
      <c r="C703" s="3"/>
      <c r="D703" s="3"/>
      <c r="E703" s="3"/>
    </row>
    <row r="704" spans="1:5" ht="13" customHeight="1" x14ac:dyDescent="0.35">
      <c r="A704" s="3"/>
      <c r="C704" s="3"/>
      <c r="D704" s="3"/>
      <c r="E704" s="3"/>
    </row>
    <row r="705" spans="1:5" ht="13" customHeight="1" x14ac:dyDescent="0.35">
      <c r="A705" s="3"/>
      <c r="C705" s="3"/>
      <c r="D705" s="3"/>
      <c r="E705" s="3"/>
    </row>
    <row r="706" spans="1:5" ht="13" customHeight="1" x14ac:dyDescent="0.35">
      <c r="A706" s="3"/>
      <c r="C706" s="3"/>
      <c r="D706" s="3"/>
      <c r="E706" s="3"/>
    </row>
    <row r="707" spans="1:5" ht="13" customHeight="1" x14ac:dyDescent="0.35">
      <c r="A707" s="3"/>
      <c r="C707" s="3"/>
      <c r="D707" s="3"/>
      <c r="E707" s="3"/>
    </row>
    <row r="708" spans="1:5" ht="13" customHeight="1" x14ac:dyDescent="0.35">
      <c r="A708" s="3"/>
      <c r="C708" s="3"/>
      <c r="D708" s="3"/>
      <c r="E708" s="3"/>
    </row>
    <row r="709" spans="1:5" ht="13" customHeight="1" x14ac:dyDescent="0.35">
      <c r="A709" s="3"/>
      <c r="C709" s="3"/>
      <c r="D709" s="3"/>
      <c r="E709" s="3"/>
    </row>
    <row r="710" spans="1:5" ht="13" customHeight="1" x14ac:dyDescent="0.35">
      <c r="A710" s="3"/>
      <c r="C710" s="3"/>
      <c r="D710" s="3"/>
      <c r="E710" s="3"/>
    </row>
    <row r="711" spans="1:5" ht="13" customHeight="1" x14ac:dyDescent="0.35">
      <c r="A711" s="3"/>
      <c r="C711" s="3"/>
      <c r="D711" s="3"/>
      <c r="E711" s="3"/>
    </row>
    <row r="712" spans="1:5" ht="13" customHeight="1" x14ac:dyDescent="0.35">
      <c r="A712" s="3"/>
      <c r="C712" s="3"/>
      <c r="D712" s="3"/>
      <c r="E712" s="3"/>
    </row>
    <row r="713" spans="1:5" ht="13" customHeight="1" x14ac:dyDescent="0.35">
      <c r="A713" s="3"/>
      <c r="C713" s="3"/>
      <c r="D713" s="3"/>
      <c r="E713" s="3"/>
    </row>
    <row r="714" spans="1:5" ht="13" customHeight="1" x14ac:dyDescent="0.35">
      <c r="A714" s="3"/>
      <c r="C714" s="3"/>
      <c r="D714" s="3"/>
      <c r="E714" s="3"/>
    </row>
    <row r="715" spans="1:5" ht="13" customHeight="1" x14ac:dyDescent="0.35">
      <c r="A715" s="3"/>
      <c r="C715" s="3"/>
      <c r="D715" s="3"/>
      <c r="E715" s="3"/>
    </row>
    <row r="716" spans="1:5" ht="13" customHeight="1" x14ac:dyDescent="0.35">
      <c r="A716" s="3"/>
      <c r="C716" s="3"/>
      <c r="D716" s="3"/>
      <c r="E716" s="3"/>
    </row>
    <row r="717" spans="1:5" ht="13" customHeight="1" x14ac:dyDescent="0.35">
      <c r="A717" s="3"/>
      <c r="C717" s="3"/>
      <c r="D717" s="3"/>
      <c r="E717" s="3"/>
    </row>
    <row r="718" spans="1:5" ht="13" customHeight="1" x14ac:dyDescent="0.35">
      <c r="A718" s="3"/>
      <c r="C718" s="3"/>
      <c r="D718" s="3"/>
      <c r="E718" s="3"/>
    </row>
    <row r="719" spans="1:5" ht="13" customHeight="1" x14ac:dyDescent="0.35">
      <c r="A719" s="3"/>
      <c r="C719" s="3"/>
      <c r="D719" s="3"/>
      <c r="E719" s="3"/>
    </row>
    <row r="720" spans="1:5" ht="13" customHeight="1" x14ac:dyDescent="0.35">
      <c r="A720" s="3"/>
      <c r="C720" s="3"/>
      <c r="D720" s="3"/>
      <c r="E720" s="3"/>
    </row>
    <row r="721" spans="1:5" ht="13" customHeight="1" x14ac:dyDescent="0.35">
      <c r="A721" s="3"/>
      <c r="C721" s="3"/>
      <c r="D721" s="3"/>
      <c r="E721" s="3"/>
    </row>
    <row r="722" spans="1:5" ht="13" customHeight="1" x14ac:dyDescent="0.35">
      <c r="A722" s="3"/>
      <c r="C722" s="3"/>
      <c r="D722" s="3"/>
      <c r="E722" s="3"/>
    </row>
    <row r="723" spans="1:5" ht="13" customHeight="1" x14ac:dyDescent="0.35">
      <c r="A723" s="3"/>
      <c r="C723" s="3"/>
      <c r="D723" s="3"/>
      <c r="E723" s="3"/>
    </row>
    <row r="724" spans="1:5" ht="13" customHeight="1" x14ac:dyDescent="0.35">
      <c r="A724" s="3"/>
      <c r="C724" s="3"/>
      <c r="D724" s="3"/>
      <c r="E724" s="3"/>
    </row>
    <row r="725" spans="1:5" ht="13" customHeight="1" x14ac:dyDescent="0.35">
      <c r="A725" s="3"/>
      <c r="C725" s="3"/>
      <c r="D725" s="3"/>
      <c r="E725" s="3"/>
    </row>
    <row r="726" spans="1:5" ht="13" customHeight="1" x14ac:dyDescent="0.35">
      <c r="A726" s="3"/>
      <c r="C726" s="3"/>
      <c r="D726" s="3"/>
      <c r="E726" s="3"/>
    </row>
    <row r="727" spans="1:5" ht="13" customHeight="1" x14ac:dyDescent="0.35">
      <c r="A727" s="3"/>
      <c r="C727" s="3"/>
      <c r="D727" s="3"/>
      <c r="E727" s="3"/>
    </row>
    <row r="728" spans="1:5" ht="13" customHeight="1" x14ac:dyDescent="0.35">
      <c r="A728" s="3"/>
      <c r="C728" s="3"/>
      <c r="D728" s="3"/>
      <c r="E728" s="3"/>
    </row>
    <row r="729" spans="1:5" ht="13" customHeight="1" x14ac:dyDescent="0.35">
      <c r="A729" s="3"/>
      <c r="C729" s="3"/>
      <c r="D729" s="3"/>
      <c r="E729" s="3"/>
    </row>
    <row r="730" spans="1:5" ht="13" customHeight="1" x14ac:dyDescent="0.35">
      <c r="A730" s="3"/>
      <c r="C730" s="3"/>
      <c r="D730" s="3"/>
      <c r="E730" s="3"/>
    </row>
    <row r="731" spans="1:5" ht="13" customHeight="1" x14ac:dyDescent="0.35">
      <c r="A731" s="3"/>
      <c r="C731" s="3"/>
      <c r="D731" s="3"/>
      <c r="E731" s="3"/>
    </row>
    <row r="732" spans="1:5" ht="13" customHeight="1" x14ac:dyDescent="0.35">
      <c r="A732" s="3"/>
      <c r="C732" s="3"/>
      <c r="D732" s="3"/>
      <c r="E732" s="3"/>
    </row>
    <row r="733" spans="1:5" ht="13" customHeight="1" x14ac:dyDescent="0.35">
      <c r="A733" s="3"/>
      <c r="C733" s="3"/>
      <c r="D733" s="3"/>
      <c r="E733" s="3"/>
    </row>
    <row r="734" spans="1:5" ht="13" customHeight="1" x14ac:dyDescent="0.35">
      <c r="A734" s="3"/>
      <c r="C734" s="3"/>
      <c r="D734" s="3"/>
      <c r="E734" s="3"/>
    </row>
    <row r="735" spans="1:5" ht="13" customHeight="1" x14ac:dyDescent="0.35">
      <c r="A735" s="3"/>
      <c r="C735" s="3"/>
      <c r="D735" s="3"/>
      <c r="E735" s="3"/>
    </row>
    <row r="736" spans="1:5" ht="13" customHeight="1" x14ac:dyDescent="0.35">
      <c r="A736" s="3"/>
      <c r="C736" s="3"/>
      <c r="D736" s="3"/>
      <c r="E736" s="3"/>
    </row>
    <row r="737" spans="1:5" ht="13" customHeight="1" x14ac:dyDescent="0.35">
      <c r="A737" s="3"/>
      <c r="C737" s="3"/>
      <c r="D737" s="3"/>
      <c r="E737" s="3"/>
    </row>
    <row r="738" spans="1:5" ht="13" customHeight="1" x14ac:dyDescent="0.35">
      <c r="A738" s="3"/>
      <c r="C738" s="3"/>
      <c r="D738" s="3"/>
      <c r="E738" s="3"/>
    </row>
    <row r="739" spans="1:5" ht="13" customHeight="1" x14ac:dyDescent="0.35">
      <c r="A739" s="3"/>
      <c r="C739" s="3"/>
      <c r="D739" s="3"/>
      <c r="E739" s="3"/>
    </row>
    <row r="740" spans="1:5" ht="13" customHeight="1" x14ac:dyDescent="0.35">
      <c r="A740" s="3"/>
      <c r="C740" s="3"/>
      <c r="D740" s="3"/>
      <c r="E740" s="3"/>
    </row>
    <row r="741" spans="1:5" ht="13" customHeight="1" x14ac:dyDescent="0.35">
      <c r="A741" s="3"/>
      <c r="C741" s="3"/>
      <c r="D741" s="3"/>
      <c r="E741" s="3"/>
    </row>
    <row r="742" spans="1:5" ht="13" customHeight="1" x14ac:dyDescent="0.35">
      <c r="A742" s="3"/>
      <c r="C742" s="3"/>
      <c r="D742" s="3"/>
      <c r="E742" s="3"/>
    </row>
    <row r="743" spans="1:5" ht="13" customHeight="1" x14ac:dyDescent="0.35">
      <c r="A743" s="3"/>
      <c r="C743" s="3"/>
      <c r="D743" s="3"/>
      <c r="E743" s="3"/>
    </row>
    <row r="744" spans="1:5" ht="13" customHeight="1" x14ac:dyDescent="0.35">
      <c r="A744" s="3"/>
      <c r="C744" s="3"/>
      <c r="D744" s="3"/>
      <c r="E744" s="3"/>
    </row>
    <row r="745" spans="1:5" ht="13" customHeight="1" x14ac:dyDescent="0.35">
      <c r="A745" s="3"/>
      <c r="C745" s="3"/>
      <c r="D745" s="3"/>
      <c r="E745" s="3"/>
    </row>
    <row r="746" spans="1:5" ht="13" customHeight="1" x14ac:dyDescent="0.35">
      <c r="A746" s="3"/>
      <c r="C746" s="3"/>
      <c r="D746" s="3"/>
      <c r="E746" s="3"/>
    </row>
    <row r="747" spans="1:5" ht="13" customHeight="1" x14ac:dyDescent="0.35">
      <c r="A747" s="3"/>
      <c r="C747" s="3"/>
      <c r="D747" s="3"/>
      <c r="E747" s="3"/>
    </row>
    <row r="748" spans="1:5" ht="13" customHeight="1" x14ac:dyDescent="0.35">
      <c r="A748" s="3"/>
      <c r="C748" s="3"/>
      <c r="D748" s="3"/>
      <c r="E748" s="3"/>
    </row>
    <row r="749" spans="1:5" ht="13" customHeight="1" x14ac:dyDescent="0.35">
      <c r="A749" s="3"/>
      <c r="C749" s="3"/>
      <c r="D749" s="3"/>
      <c r="E749" s="3"/>
    </row>
    <row r="750" spans="1:5" ht="13" customHeight="1" x14ac:dyDescent="0.35">
      <c r="A750" s="3"/>
      <c r="C750" s="3"/>
      <c r="D750" s="3"/>
      <c r="E750" s="3"/>
    </row>
    <row r="751" spans="1:5" ht="13" customHeight="1" x14ac:dyDescent="0.35">
      <c r="A751" s="3"/>
      <c r="C751" s="3"/>
      <c r="D751" s="3"/>
      <c r="E751" s="3"/>
    </row>
    <row r="752" spans="1:5" ht="13" customHeight="1" x14ac:dyDescent="0.35">
      <c r="A752" s="3"/>
      <c r="C752" s="3"/>
      <c r="D752" s="3"/>
      <c r="E752" s="3"/>
    </row>
    <row r="753" spans="1:5" ht="13" customHeight="1" x14ac:dyDescent="0.35">
      <c r="A753" s="3"/>
      <c r="C753" s="3"/>
      <c r="D753" s="3"/>
      <c r="E753" s="3"/>
    </row>
    <row r="754" spans="1:5" ht="13" customHeight="1" x14ac:dyDescent="0.35">
      <c r="A754" s="3"/>
      <c r="C754" s="3"/>
      <c r="D754" s="3"/>
      <c r="E754" s="3"/>
    </row>
    <row r="755" spans="1:5" ht="13" customHeight="1" x14ac:dyDescent="0.35">
      <c r="A755" s="3"/>
      <c r="C755" s="3"/>
      <c r="D755" s="3"/>
      <c r="E755" s="3"/>
    </row>
    <row r="756" spans="1:5" ht="13" customHeight="1" x14ac:dyDescent="0.35">
      <c r="A756" s="3"/>
      <c r="C756" s="3"/>
      <c r="D756" s="3"/>
      <c r="E756" s="3"/>
    </row>
    <row r="757" spans="1:5" ht="13" customHeight="1" x14ac:dyDescent="0.35">
      <c r="A757" s="3"/>
      <c r="C757" s="3"/>
      <c r="D757" s="3"/>
      <c r="E757" s="3"/>
    </row>
    <row r="758" spans="1:5" ht="13" customHeight="1" x14ac:dyDescent="0.35">
      <c r="A758" s="3"/>
      <c r="C758" s="3"/>
      <c r="D758" s="3"/>
      <c r="E758" s="3"/>
    </row>
    <row r="759" spans="1:5" ht="13" customHeight="1" x14ac:dyDescent="0.35">
      <c r="A759" s="3"/>
      <c r="C759" s="3"/>
      <c r="D759" s="3"/>
      <c r="E759" s="3"/>
    </row>
    <row r="760" spans="1:5" ht="13" customHeight="1" x14ac:dyDescent="0.35">
      <c r="A760" s="3"/>
      <c r="C760" s="3"/>
      <c r="D760" s="3"/>
      <c r="E760" s="3"/>
    </row>
    <row r="761" spans="1:5" ht="13" customHeight="1" x14ac:dyDescent="0.35">
      <c r="A761" s="3"/>
      <c r="C761" s="3"/>
      <c r="D761" s="3"/>
      <c r="E761" s="3"/>
    </row>
    <row r="762" spans="1:5" ht="13" customHeight="1" x14ac:dyDescent="0.35">
      <c r="A762" s="3"/>
      <c r="C762" s="3"/>
      <c r="D762" s="3"/>
      <c r="E762" s="3"/>
    </row>
    <row r="763" spans="1:5" ht="13" customHeight="1" x14ac:dyDescent="0.35">
      <c r="A763" s="3"/>
      <c r="C763" s="3"/>
      <c r="D763" s="3"/>
      <c r="E763" s="3"/>
    </row>
    <row r="764" spans="1:5" ht="13" customHeight="1" x14ac:dyDescent="0.35">
      <c r="A764" s="3"/>
      <c r="C764" s="3"/>
      <c r="D764" s="3"/>
      <c r="E764" s="3"/>
    </row>
    <row r="765" spans="1:5" ht="13" customHeight="1" x14ac:dyDescent="0.35">
      <c r="A765" s="3"/>
      <c r="C765" s="3"/>
      <c r="D765" s="3"/>
      <c r="E765" s="3"/>
    </row>
    <row r="766" spans="1:5" ht="13" customHeight="1" x14ac:dyDescent="0.35">
      <c r="A766" s="3"/>
      <c r="C766" s="3"/>
      <c r="D766" s="3"/>
      <c r="E766" s="3"/>
    </row>
    <row r="767" spans="1:5" ht="13" customHeight="1" x14ac:dyDescent="0.35">
      <c r="A767" s="3"/>
      <c r="C767" s="3"/>
      <c r="D767" s="3"/>
      <c r="E767" s="3"/>
    </row>
    <row r="768" spans="1:5" ht="13" customHeight="1" x14ac:dyDescent="0.35">
      <c r="A768" s="3"/>
      <c r="C768" s="3"/>
      <c r="D768" s="3"/>
      <c r="E768" s="3"/>
    </row>
    <row r="769" spans="1:5" ht="13" customHeight="1" x14ac:dyDescent="0.35">
      <c r="A769" s="3"/>
      <c r="C769" s="3"/>
      <c r="D769" s="3"/>
      <c r="E769" s="3"/>
    </row>
    <row r="770" spans="1:5" ht="13" customHeight="1" x14ac:dyDescent="0.35">
      <c r="A770" s="3"/>
      <c r="C770" s="3"/>
      <c r="D770" s="3"/>
      <c r="E770" s="3"/>
    </row>
    <row r="771" spans="1:5" ht="13" customHeight="1" x14ac:dyDescent="0.35">
      <c r="A771" s="3"/>
      <c r="C771" s="3"/>
      <c r="D771" s="3"/>
      <c r="E771" s="3"/>
    </row>
    <row r="772" spans="1:5" ht="13" customHeight="1" x14ac:dyDescent="0.35">
      <c r="A772" s="3"/>
      <c r="C772" s="3"/>
      <c r="D772" s="3"/>
      <c r="E772" s="3"/>
    </row>
    <row r="773" spans="1:5" ht="13" customHeight="1" x14ac:dyDescent="0.35">
      <c r="A773" s="3"/>
      <c r="C773" s="3"/>
      <c r="D773" s="3"/>
      <c r="E773" s="3"/>
    </row>
    <row r="774" spans="1:5" ht="13" customHeight="1" x14ac:dyDescent="0.35">
      <c r="A774" s="3"/>
      <c r="C774" s="3"/>
      <c r="D774" s="3"/>
      <c r="E774" s="3"/>
    </row>
    <row r="775" spans="1:5" ht="13" customHeight="1" x14ac:dyDescent="0.35">
      <c r="A775" s="3"/>
      <c r="C775" s="3"/>
      <c r="D775" s="3"/>
      <c r="E775" s="3"/>
    </row>
    <row r="776" spans="1:5" ht="13" customHeight="1" x14ac:dyDescent="0.35">
      <c r="A776" s="3"/>
      <c r="C776" s="3"/>
      <c r="D776" s="3"/>
      <c r="E776" s="3"/>
    </row>
    <row r="777" spans="1:5" ht="13" customHeight="1" x14ac:dyDescent="0.35">
      <c r="A777" s="3"/>
      <c r="C777" s="3"/>
      <c r="D777" s="3"/>
      <c r="E777" s="3"/>
    </row>
    <row r="778" spans="1:5" ht="13" customHeight="1" x14ac:dyDescent="0.35">
      <c r="A778" s="3"/>
      <c r="C778" s="3"/>
      <c r="D778" s="3"/>
      <c r="E778" s="3"/>
    </row>
    <row r="779" spans="1:5" ht="13" customHeight="1" x14ac:dyDescent="0.35">
      <c r="A779" s="3"/>
      <c r="C779" s="3"/>
      <c r="D779" s="3"/>
      <c r="E779" s="3"/>
    </row>
    <row r="780" spans="1:5" ht="13" customHeight="1" x14ac:dyDescent="0.35">
      <c r="A780" s="3"/>
      <c r="C780" s="3"/>
      <c r="D780" s="3"/>
      <c r="E780" s="3"/>
    </row>
    <row r="781" spans="1:5" ht="13" customHeight="1" x14ac:dyDescent="0.35">
      <c r="A781" s="3"/>
      <c r="C781" s="3"/>
      <c r="D781" s="3"/>
      <c r="E781" s="3"/>
    </row>
    <row r="782" spans="1:5" ht="13" customHeight="1" x14ac:dyDescent="0.35">
      <c r="A782" s="3"/>
      <c r="C782" s="3"/>
      <c r="D782" s="3"/>
      <c r="E782" s="3"/>
    </row>
    <row r="783" spans="1:5" ht="13" customHeight="1" x14ac:dyDescent="0.35">
      <c r="A783" s="3"/>
      <c r="C783" s="3"/>
      <c r="D783" s="3"/>
      <c r="E783" s="3"/>
    </row>
    <row r="784" spans="1:5" ht="13" customHeight="1" x14ac:dyDescent="0.35">
      <c r="A784" s="3"/>
      <c r="C784" s="3"/>
      <c r="D784" s="3"/>
      <c r="E784" s="3"/>
    </row>
    <row r="785" spans="1:5" ht="13" customHeight="1" x14ac:dyDescent="0.35">
      <c r="A785" s="3"/>
      <c r="C785" s="3"/>
      <c r="D785" s="3"/>
      <c r="E785" s="3"/>
    </row>
    <row r="786" spans="1:5" ht="13" customHeight="1" x14ac:dyDescent="0.35">
      <c r="A786" s="3"/>
      <c r="C786" s="3"/>
      <c r="D786" s="3"/>
      <c r="E786" s="3"/>
    </row>
    <row r="787" spans="1:5" ht="13" customHeight="1" x14ac:dyDescent="0.35">
      <c r="A787" s="3"/>
      <c r="C787" s="3"/>
      <c r="D787" s="3"/>
      <c r="E787" s="3"/>
    </row>
    <row r="788" spans="1:5" ht="13" customHeight="1" x14ac:dyDescent="0.35">
      <c r="A788" s="3"/>
      <c r="C788" s="3"/>
      <c r="D788" s="3"/>
      <c r="E788" s="3"/>
    </row>
    <row r="789" spans="1:5" ht="13" customHeight="1" x14ac:dyDescent="0.35">
      <c r="A789" s="3"/>
      <c r="C789" s="3"/>
      <c r="D789" s="3"/>
      <c r="E789" s="3"/>
    </row>
    <row r="790" spans="1:5" ht="13" customHeight="1" x14ac:dyDescent="0.35">
      <c r="A790" s="3"/>
      <c r="C790" s="3"/>
      <c r="D790" s="3"/>
      <c r="E790" s="3"/>
    </row>
    <row r="791" spans="1:5" ht="13" customHeight="1" x14ac:dyDescent="0.35">
      <c r="A791" s="3"/>
      <c r="C791" s="3"/>
      <c r="D791" s="3"/>
      <c r="E791" s="3"/>
    </row>
    <row r="792" spans="1:5" ht="13" customHeight="1" x14ac:dyDescent="0.35">
      <c r="A792" s="3"/>
      <c r="C792" s="3"/>
      <c r="D792" s="3"/>
      <c r="E792" s="3"/>
    </row>
    <row r="793" spans="1:5" ht="13" customHeight="1" x14ac:dyDescent="0.35">
      <c r="A793" s="3"/>
      <c r="C793" s="3"/>
      <c r="D793" s="3"/>
      <c r="E793" s="3"/>
    </row>
    <row r="794" spans="1:5" ht="13" customHeight="1" x14ac:dyDescent="0.35">
      <c r="A794" s="3"/>
      <c r="C794" s="3"/>
      <c r="D794" s="3"/>
      <c r="E794" s="3"/>
    </row>
    <row r="795" spans="1:5" ht="13" customHeight="1" x14ac:dyDescent="0.35">
      <c r="A795" s="3"/>
      <c r="C795" s="3"/>
      <c r="D795" s="3"/>
      <c r="E795" s="3"/>
    </row>
    <row r="796" spans="1:5" ht="13" customHeight="1" x14ac:dyDescent="0.35">
      <c r="A796" s="3"/>
      <c r="C796" s="3"/>
      <c r="D796" s="3"/>
      <c r="E796" s="3"/>
    </row>
    <row r="797" spans="1:5" ht="13" customHeight="1" x14ac:dyDescent="0.35">
      <c r="A797" s="3"/>
      <c r="C797" s="3"/>
      <c r="D797" s="3"/>
      <c r="E797" s="3"/>
    </row>
    <row r="798" spans="1:5" ht="13" customHeight="1" x14ac:dyDescent="0.35">
      <c r="A798" s="3"/>
      <c r="C798" s="3"/>
      <c r="D798" s="3"/>
      <c r="E798" s="3"/>
    </row>
    <row r="799" spans="1:5" ht="13" customHeight="1" x14ac:dyDescent="0.35">
      <c r="A799" s="3"/>
      <c r="C799" s="3"/>
      <c r="D799" s="3"/>
      <c r="E799" s="3"/>
    </row>
    <row r="800" spans="1:5" ht="13" customHeight="1" x14ac:dyDescent="0.35">
      <c r="A800" s="3"/>
      <c r="C800" s="3"/>
      <c r="D800" s="3"/>
      <c r="E800" s="3"/>
    </row>
    <row r="801" spans="1:5" ht="13" customHeight="1" x14ac:dyDescent="0.35">
      <c r="A801" s="3"/>
      <c r="C801" s="3"/>
      <c r="D801" s="3"/>
      <c r="E801" s="3"/>
    </row>
    <row r="802" spans="1:5" ht="13" customHeight="1" x14ac:dyDescent="0.35">
      <c r="A802" s="3"/>
      <c r="C802" s="3"/>
      <c r="D802" s="3"/>
      <c r="E802" s="3"/>
    </row>
    <row r="803" spans="1:5" ht="13" customHeight="1" x14ac:dyDescent="0.35">
      <c r="A803" s="3"/>
      <c r="C803" s="3"/>
      <c r="D803" s="3"/>
      <c r="E803" s="3"/>
    </row>
    <row r="804" spans="1:5" ht="13" customHeight="1" x14ac:dyDescent="0.35">
      <c r="A804" s="3"/>
      <c r="C804" s="3"/>
      <c r="D804" s="3"/>
      <c r="E804" s="3"/>
    </row>
    <row r="805" spans="1:5" ht="13" customHeight="1" x14ac:dyDescent="0.35">
      <c r="A805" s="3"/>
      <c r="C805" s="3"/>
      <c r="D805" s="3"/>
      <c r="E805" s="3"/>
    </row>
    <row r="806" spans="1:5" ht="13" customHeight="1" x14ac:dyDescent="0.35">
      <c r="A806" s="3"/>
      <c r="C806" s="3"/>
      <c r="D806" s="3"/>
      <c r="E806" s="3"/>
    </row>
    <row r="807" spans="1:5" ht="13" customHeight="1" x14ac:dyDescent="0.35">
      <c r="A807" s="3"/>
      <c r="C807" s="3"/>
      <c r="D807" s="3"/>
      <c r="E807" s="3"/>
    </row>
    <row r="808" spans="1:5" ht="13" customHeight="1" x14ac:dyDescent="0.35">
      <c r="A808" s="3"/>
      <c r="C808" s="3"/>
      <c r="D808" s="3"/>
      <c r="E808" s="3"/>
    </row>
    <row r="809" spans="1:5" ht="13" customHeight="1" x14ac:dyDescent="0.35">
      <c r="A809" s="3"/>
      <c r="C809" s="3"/>
      <c r="D809" s="3"/>
      <c r="E809" s="3"/>
    </row>
    <row r="810" spans="1:5" ht="13" customHeight="1" x14ac:dyDescent="0.35">
      <c r="A810" s="3"/>
      <c r="C810" s="3"/>
      <c r="D810" s="3"/>
      <c r="E810" s="3"/>
    </row>
    <row r="811" spans="1:5" ht="13" customHeight="1" x14ac:dyDescent="0.35">
      <c r="A811" s="3"/>
      <c r="C811" s="3"/>
      <c r="D811" s="3"/>
      <c r="E811" s="3"/>
    </row>
    <row r="812" spans="1:5" ht="13" customHeight="1" x14ac:dyDescent="0.35">
      <c r="A812" s="3"/>
      <c r="C812" s="3"/>
      <c r="D812" s="3"/>
      <c r="E812" s="3"/>
    </row>
    <row r="813" spans="1:5" ht="13" customHeight="1" x14ac:dyDescent="0.35">
      <c r="A813" s="3"/>
      <c r="C813" s="3"/>
      <c r="D813" s="3"/>
      <c r="E813" s="3"/>
    </row>
    <row r="814" spans="1:5" ht="13" customHeight="1" x14ac:dyDescent="0.35">
      <c r="A814" s="3"/>
      <c r="C814" s="3"/>
      <c r="D814" s="3"/>
      <c r="E814" s="3"/>
    </row>
    <row r="815" spans="1:5" ht="13" customHeight="1" x14ac:dyDescent="0.35">
      <c r="A815" s="3"/>
      <c r="C815" s="3"/>
      <c r="D815" s="3"/>
      <c r="E815" s="3"/>
    </row>
    <row r="816" spans="1:5" ht="13" customHeight="1" x14ac:dyDescent="0.35">
      <c r="A816" s="3"/>
      <c r="C816" s="3"/>
      <c r="D816" s="3"/>
      <c r="E816" s="3"/>
    </row>
    <row r="817" spans="1:5" ht="13" customHeight="1" x14ac:dyDescent="0.35">
      <c r="A817" s="3"/>
      <c r="C817" s="3"/>
      <c r="D817" s="3"/>
      <c r="E817" s="3"/>
    </row>
    <row r="818" spans="1:5" ht="13" customHeight="1" x14ac:dyDescent="0.35">
      <c r="A818" s="3"/>
      <c r="C818" s="3"/>
      <c r="D818" s="3"/>
      <c r="E818" s="3"/>
    </row>
    <row r="819" spans="1:5" ht="13" customHeight="1" x14ac:dyDescent="0.35">
      <c r="A819" s="3"/>
      <c r="C819" s="3"/>
      <c r="D819" s="3"/>
      <c r="E819" s="3"/>
    </row>
    <row r="820" spans="1:5" ht="13" customHeight="1" x14ac:dyDescent="0.35">
      <c r="A820" s="3"/>
      <c r="C820" s="3"/>
      <c r="D820" s="3"/>
      <c r="E820" s="3"/>
    </row>
    <row r="821" spans="1:5" ht="13" customHeight="1" x14ac:dyDescent="0.35">
      <c r="A821" s="3"/>
      <c r="C821" s="3"/>
      <c r="D821" s="3"/>
      <c r="E821" s="3"/>
    </row>
    <row r="822" spans="1:5" ht="13" customHeight="1" x14ac:dyDescent="0.35">
      <c r="A822" s="3"/>
      <c r="C822" s="3"/>
      <c r="D822" s="3"/>
      <c r="E822" s="3"/>
    </row>
    <row r="823" spans="1:5" ht="13" customHeight="1" x14ac:dyDescent="0.35">
      <c r="A823" s="3"/>
      <c r="C823" s="3"/>
      <c r="D823" s="3"/>
      <c r="E823" s="3"/>
    </row>
    <row r="824" spans="1:5" ht="13" customHeight="1" x14ac:dyDescent="0.35">
      <c r="A824" s="3"/>
      <c r="C824" s="3"/>
      <c r="D824" s="3"/>
      <c r="E824" s="3"/>
    </row>
    <row r="825" spans="1:5" ht="13" customHeight="1" x14ac:dyDescent="0.35">
      <c r="A825" s="3"/>
      <c r="C825" s="3"/>
      <c r="D825" s="3"/>
      <c r="E825" s="3"/>
    </row>
    <row r="826" spans="1:5" ht="13" customHeight="1" x14ac:dyDescent="0.35">
      <c r="A826" s="3"/>
      <c r="C826" s="3"/>
      <c r="D826" s="3"/>
      <c r="E826" s="3"/>
    </row>
    <row r="827" spans="1:5" ht="13" customHeight="1" x14ac:dyDescent="0.35">
      <c r="A827" s="3"/>
      <c r="C827" s="3"/>
      <c r="D827" s="3"/>
      <c r="E827" s="3"/>
    </row>
    <row r="828" spans="1:5" ht="13" customHeight="1" x14ac:dyDescent="0.35">
      <c r="A828" s="3"/>
      <c r="C828" s="3"/>
      <c r="D828" s="3"/>
      <c r="E828" s="3"/>
    </row>
    <row r="829" spans="1:5" ht="13" customHeight="1" x14ac:dyDescent="0.35">
      <c r="A829" s="3"/>
      <c r="C829" s="3"/>
      <c r="D829" s="3"/>
      <c r="E829" s="3"/>
    </row>
    <row r="830" spans="1:5" ht="13" customHeight="1" x14ac:dyDescent="0.35">
      <c r="A830" s="3"/>
      <c r="C830" s="3"/>
      <c r="D830" s="3"/>
      <c r="E830" s="3"/>
    </row>
    <row r="831" spans="1:5" ht="13" customHeight="1" x14ac:dyDescent="0.35">
      <c r="A831" s="3"/>
      <c r="C831" s="3"/>
      <c r="D831" s="3"/>
      <c r="E831" s="3"/>
    </row>
    <row r="832" spans="1:5" ht="13" customHeight="1" x14ac:dyDescent="0.35">
      <c r="A832" s="3"/>
      <c r="C832" s="3"/>
      <c r="D832" s="3"/>
      <c r="E832" s="3"/>
    </row>
    <row r="833" spans="1:5" ht="13" customHeight="1" x14ac:dyDescent="0.35">
      <c r="A833" s="3"/>
      <c r="C833" s="3"/>
      <c r="D833" s="3"/>
      <c r="E833" s="3"/>
    </row>
    <row r="834" spans="1:5" ht="13" customHeight="1" x14ac:dyDescent="0.35">
      <c r="A834" s="3"/>
      <c r="C834" s="3"/>
      <c r="D834" s="3"/>
      <c r="E834" s="3"/>
    </row>
    <row r="835" spans="1:5" ht="13" customHeight="1" x14ac:dyDescent="0.35">
      <c r="A835" s="3"/>
      <c r="C835" s="3"/>
      <c r="D835" s="3"/>
      <c r="E835" s="3"/>
    </row>
    <row r="836" spans="1:5" ht="13" customHeight="1" x14ac:dyDescent="0.35">
      <c r="A836" s="3"/>
      <c r="C836" s="3"/>
      <c r="D836" s="3"/>
      <c r="E836" s="3"/>
    </row>
    <row r="837" spans="1:5" ht="13" customHeight="1" x14ac:dyDescent="0.35">
      <c r="A837" s="3"/>
      <c r="C837" s="3"/>
      <c r="D837" s="3"/>
      <c r="E837" s="3"/>
    </row>
    <row r="838" spans="1:5" ht="13" customHeight="1" x14ac:dyDescent="0.35">
      <c r="A838" s="3"/>
      <c r="C838" s="3"/>
      <c r="D838" s="3"/>
      <c r="E838" s="3"/>
    </row>
    <row r="839" spans="1:5" ht="13" customHeight="1" x14ac:dyDescent="0.35">
      <c r="A839" s="3"/>
      <c r="C839" s="3"/>
      <c r="D839" s="3"/>
      <c r="E839" s="3"/>
    </row>
    <row r="840" spans="1:5" ht="13" customHeight="1" x14ac:dyDescent="0.35">
      <c r="A840" s="3"/>
      <c r="C840" s="3"/>
      <c r="D840" s="3"/>
      <c r="E840" s="3"/>
    </row>
    <row r="841" spans="1:5" ht="13" customHeight="1" x14ac:dyDescent="0.35">
      <c r="A841" s="3"/>
      <c r="C841" s="3"/>
      <c r="D841" s="3"/>
      <c r="E841" s="3"/>
    </row>
    <row r="842" spans="1:5" ht="13" customHeight="1" x14ac:dyDescent="0.35">
      <c r="A842" s="3"/>
      <c r="C842" s="3"/>
      <c r="D842" s="3"/>
      <c r="E842" s="3"/>
    </row>
    <row r="843" spans="1:5" ht="13" customHeight="1" x14ac:dyDescent="0.35">
      <c r="A843" s="3"/>
      <c r="C843" s="3"/>
      <c r="D843" s="3"/>
      <c r="E843" s="3"/>
    </row>
    <row r="844" spans="1:5" ht="13" customHeight="1" x14ac:dyDescent="0.35">
      <c r="A844" s="3"/>
      <c r="C844" s="3"/>
      <c r="D844" s="3"/>
      <c r="E844" s="3"/>
    </row>
    <row r="845" spans="1:5" ht="13" customHeight="1" x14ac:dyDescent="0.35">
      <c r="A845" s="3"/>
      <c r="C845" s="3"/>
      <c r="D845" s="3"/>
      <c r="E845" s="3"/>
    </row>
    <row r="846" spans="1:5" ht="13" customHeight="1" x14ac:dyDescent="0.35">
      <c r="A846" s="3"/>
      <c r="C846" s="3"/>
      <c r="D846" s="3"/>
      <c r="E846" s="3"/>
    </row>
    <row r="847" spans="1:5" ht="13" customHeight="1" x14ac:dyDescent="0.35">
      <c r="A847" s="3"/>
      <c r="C847" s="3"/>
      <c r="D847" s="3"/>
      <c r="E847" s="3"/>
    </row>
    <row r="848" spans="1:5" ht="13" customHeight="1" x14ac:dyDescent="0.35">
      <c r="A848" s="3"/>
      <c r="C848" s="3"/>
      <c r="D848" s="3"/>
      <c r="E848" s="3"/>
    </row>
    <row r="849" spans="1:5" ht="13" customHeight="1" x14ac:dyDescent="0.35">
      <c r="A849" s="3"/>
      <c r="C849" s="3"/>
      <c r="D849" s="3"/>
      <c r="E849" s="3"/>
    </row>
    <row r="850" spans="1:5" ht="13" customHeight="1" x14ac:dyDescent="0.35">
      <c r="A850" s="3"/>
      <c r="C850" s="3"/>
      <c r="D850" s="3"/>
      <c r="E850" s="3"/>
    </row>
    <row r="851" spans="1:5" ht="13" customHeight="1" x14ac:dyDescent="0.35">
      <c r="A851" s="3"/>
      <c r="C851" s="3"/>
      <c r="D851" s="3"/>
      <c r="E851" s="3"/>
    </row>
    <row r="852" spans="1:5" ht="13" customHeight="1" x14ac:dyDescent="0.35">
      <c r="A852" s="3"/>
      <c r="C852" s="3"/>
      <c r="D852" s="3"/>
      <c r="E852" s="3"/>
    </row>
    <row r="853" spans="1:5" ht="13" customHeight="1" x14ac:dyDescent="0.35">
      <c r="A853" s="3"/>
      <c r="C853" s="3"/>
      <c r="D853" s="3"/>
      <c r="E853" s="3"/>
    </row>
    <row r="854" spans="1:5" ht="13" customHeight="1" x14ac:dyDescent="0.35">
      <c r="A854" s="3"/>
      <c r="C854" s="3"/>
      <c r="D854" s="3"/>
      <c r="E854" s="3"/>
    </row>
    <row r="855" spans="1:5" ht="13" customHeight="1" x14ac:dyDescent="0.35">
      <c r="A855" s="3"/>
      <c r="C855" s="3"/>
      <c r="D855" s="3"/>
      <c r="E855" s="3"/>
    </row>
    <row r="856" spans="1:5" ht="13" customHeight="1" x14ac:dyDescent="0.35">
      <c r="A856" s="3"/>
      <c r="C856" s="3"/>
      <c r="D856" s="3"/>
      <c r="E856" s="3"/>
    </row>
    <row r="857" spans="1:5" ht="13" customHeight="1" x14ac:dyDescent="0.35">
      <c r="A857" s="3"/>
      <c r="C857" s="3"/>
      <c r="D857" s="3"/>
      <c r="E857" s="3"/>
    </row>
    <row r="858" spans="1:5" ht="13" customHeight="1" x14ac:dyDescent="0.35">
      <c r="A858" s="3"/>
      <c r="C858" s="3"/>
      <c r="D858" s="3"/>
      <c r="E858" s="3"/>
    </row>
    <row r="859" spans="1:5" ht="13" customHeight="1" x14ac:dyDescent="0.35">
      <c r="A859" s="3"/>
      <c r="C859" s="3"/>
      <c r="D859" s="3"/>
      <c r="E859" s="3"/>
    </row>
    <row r="860" spans="1:5" ht="13" customHeight="1" x14ac:dyDescent="0.35">
      <c r="A860" s="3"/>
      <c r="C860" s="3"/>
      <c r="D860" s="3"/>
      <c r="E860" s="3"/>
    </row>
    <row r="861" spans="1:5" ht="13" customHeight="1" x14ac:dyDescent="0.35">
      <c r="A861" s="3"/>
      <c r="C861" s="3"/>
      <c r="D861" s="3"/>
      <c r="E861" s="3"/>
    </row>
    <row r="862" spans="1:5" ht="13" customHeight="1" x14ac:dyDescent="0.35">
      <c r="A862" s="3"/>
      <c r="C862" s="3"/>
      <c r="D862" s="3"/>
      <c r="E862" s="3"/>
    </row>
    <row r="863" spans="1:5" ht="13" customHeight="1" x14ac:dyDescent="0.35">
      <c r="A863" s="3"/>
      <c r="C863" s="3"/>
      <c r="D863" s="3"/>
      <c r="E863" s="3"/>
    </row>
    <row r="864" spans="1:5" ht="13" customHeight="1" x14ac:dyDescent="0.35">
      <c r="A864" s="3"/>
      <c r="C864" s="3"/>
      <c r="D864" s="3"/>
      <c r="E864" s="3"/>
    </row>
    <row r="865" spans="1:5" ht="13" customHeight="1" x14ac:dyDescent="0.35">
      <c r="A865" s="3"/>
      <c r="C865" s="3"/>
      <c r="D865" s="3"/>
      <c r="E865" s="3"/>
    </row>
    <row r="866" spans="1:5" ht="13" customHeight="1" x14ac:dyDescent="0.35">
      <c r="A866" s="3"/>
      <c r="C866" s="3"/>
      <c r="D866" s="3"/>
      <c r="E866" s="3"/>
    </row>
    <row r="867" spans="1:5" ht="13" customHeight="1" x14ac:dyDescent="0.35">
      <c r="A867" s="3"/>
      <c r="C867" s="3"/>
      <c r="D867" s="3"/>
      <c r="E867" s="3"/>
    </row>
    <row r="868" spans="1:5" ht="13" customHeight="1" x14ac:dyDescent="0.35">
      <c r="A868" s="3"/>
      <c r="C868" s="3"/>
      <c r="D868" s="3"/>
      <c r="E868" s="3"/>
    </row>
    <row r="869" spans="1:5" ht="13" customHeight="1" x14ac:dyDescent="0.35">
      <c r="A869" s="3"/>
      <c r="C869" s="3"/>
      <c r="D869" s="3"/>
      <c r="E869" s="3"/>
    </row>
    <row r="870" spans="1:5" ht="13" customHeight="1" x14ac:dyDescent="0.35">
      <c r="A870" s="3"/>
      <c r="C870" s="3"/>
      <c r="D870" s="3"/>
      <c r="E870" s="3"/>
    </row>
    <row r="871" spans="1:5" ht="13" customHeight="1" x14ac:dyDescent="0.35">
      <c r="A871" s="3"/>
      <c r="C871" s="3"/>
      <c r="D871" s="3"/>
      <c r="E871" s="3"/>
    </row>
    <row r="872" spans="1:5" ht="13" customHeight="1" x14ac:dyDescent="0.35">
      <c r="A872" s="3"/>
      <c r="C872" s="3"/>
      <c r="D872" s="3"/>
      <c r="E872" s="3"/>
    </row>
    <row r="873" spans="1:5" ht="13" customHeight="1" x14ac:dyDescent="0.35">
      <c r="A873" s="3"/>
      <c r="C873" s="3"/>
      <c r="D873" s="3"/>
      <c r="E873" s="3"/>
    </row>
    <row r="874" spans="1:5" ht="13" customHeight="1" x14ac:dyDescent="0.35">
      <c r="A874" s="3"/>
      <c r="C874" s="3"/>
      <c r="D874" s="3"/>
      <c r="E874" s="3"/>
    </row>
    <row r="875" spans="1:5" ht="13" customHeight="1" x14ac:dyDescent="0.35">
      <c r="A875" s="3"/>
      <c r="C875" s="3"/>
      <c r="D875" s="3"/>
      <c r="E875" s="3"/>
    </row>
    <row r="876" spans="1:5" ht="13" customHeight="1" x14ac:dyDescent="0.35">
      <c r="A876" s="3"/>
      <c r="C876" s="3"/>
      <c r="D876" s="3"/>
      <c r="E876" s="3"/>
    </row>
    <row r="877" spans="1:5" ht="13" customHeight="1" x14ac:dyDescent="0.35">
      <c r="A877" s="3"/>
      <c r="C877" s="3"/>
      <c r="D877" s="3"/>
      <c r="E877" s="3"/>
    </row>
    <row r="878" spans="1:5" ht="13" customHeight="1" x14ac:dyDescent="0.35">
      <c r="A878" s="3"/>
      <c r="C878" s="3"/>
      <c r="D878" s="3"/>
      <c r="E878" s="3"/>
    </row>
    <row r="879" spans="1:5" ht="13" customHeight="1" x14ac:dyDescent="0.35">
      <c r="A879" s="3"/>
      <c r="C879" s="3"/>
      <c r="D879" s="3"/>
      <c r="E879" s="3"/>
    </row>
    <row r="880" spans="1:5" ht="13" customHeight="1" x14ac:dyDescent="0.35">
      <c r="A880" s="3"/>
      <c r="C880" s="3"/>
      <c r="D880" s="3"/>
      <c r="E880" s="3"/>
    </row>
    <row r="881" spans="1:5" ht="13" customHeight="1" x14ac:dyDescent="0.35">
      <c r="A881" s="3"/>
      <c r="C881" s="3"/>
      <c r="D881" s="3"/>
      <c r="E881" s="3"/>
    </row>
    <row r="882" spans="1:5" ht="13" customHeight="1" x14ac:dyDescent="0.35">
      <c r="A882" s="3"/>
      <c r="C882" s="3"/>
      <c r="D882" s="3"/>
      <c r="E882" s="3"/>
    </row>
    <row r="883" spans="1:5" ht="13" customHeight="1" x14ac:dyDescent="0.35">
      <c r="A883" s="3"/>
      <c r="C883" s="3"/>
      <c r="D883" s="3"/>
      <c r="E883" s="3"/>
    </row>
    <row r="884" spans="1:5" ht="13" customHeight="1" x14ac:dyDescent="0.35">
      <c r="A884" s="3"/>
      <c r="C884" s="3"/>
      <c r="D884" s="3"/>
      <c r="E884" s="3"/>
    </row>
    <row r="885" spans="1:5" ht="13" customHeight="1" x14ac:dyDescent="0.35">
      <c r="A885" s="3"/>
      <c r="C885" s="3"/>
      <c r="D885" s="3"/>
      <c r="E885" s="3"/>
    </row>
    <row r="886" spans="1:5" ht="13" customHeight="1" x14ac:dyDescent="0.35">
      <c r="A886" s="3"/>
      <c r="C886" s="3"/>
      <c r="D886" s="3"/>
      <c r="E886" s="3"/>
    </row>
    <row r="887" spans="1:5" ht="13" customHeight="1" x14ac:dyDescent="0.35">
      <c r="A887" s="3"/>
      <c r="C887" s="3"/>
      <c r="D887" s="3"/>
      <c r="E887" s="3"/>
    </row>
    <row r="888" spans="1:5" ht="13" customHeight="1" x14ac:dyDescent="0.35">
      <c r="A888" s="3"/>
      <c r="C888" s="3"/>
      <c r="D888" s="3"/>
      <c r="E888" s="3"/>
    </row>
    <row r="889" spans="1:5" ht="13" customHeight="1" x14ac:dyDescent="0.35">
      <c r="A889" s="3"/>
      <c r="C889" s="3"/>
      <c r="D889" s="3"/>
      <c r="E889" s="3"/>
    </row>
    <row r="890" spans="1:5" ht="13" customHeight="1" x14ac:dyDescent="0.35">
      <c r="A890" s="3"/>
      <c r="C890" s="3"/>
      <c r="D890" s="3"/>
      <c r="E890" s="3"/>
    </row>
    <row r="891" spans="1:5" ht="13" customHeight="1" x14ac:dyDescent="0.35">
      <c r="A891" s="3"/>
      <c r="C891" s="3"/>
      <c r="D891" s="3"/>
      <c r="E891" s="3"/>
    </row>
    <row r="892" spans="1:5" ht="13" customHeight="1" x14ac:dyDescent="0.35">
      <c r="A892" s="3"/>
      <c r="C892" s="3"/>
      <c r="D892" s="3"/>
      <c r="E892" s="3"/>
    </row>
    <row r="893" spans="1:5" ht="13" customHeight="1" x14ac:dyDescent="0.35">
      <c r="A893" s="3"/>
      <c r="C893" s="3"/>
      <c r="D893" s="3"/>
      <c r="E893" s="3"/>
    </row>
    <row r="894" spans="1:5" ht="13" customHeight="1" x14ac:dyDescent="0.35">
      <c r="A894" s="3"/>
      <c r="C894" s="3"/>
      <c r="D894" s="3"/>
      <c r="E894" s="3"/>
    </row>
    <row r="895" spans="1:5" ht="13" customHeight="1" x14ac:dyDescent="0.35">
      <c r="A895" s="3"/>
      <c r="C895" s="3"/>
      <c r="D895" s="3"/>
      <c r="E895" s="3"/>
    </row>
    <row r="896" spans="1:5" ht="13" customHeight="1" x14ac:dyDescent="0.35">
      <c r="A896" s="3"/>
      <c r="C896" s="3"/>
      <c r="D896" s="3"/>
      <c r="E896" s="3"/>
    </row>
    <row r="897" spans="1:5" ht="13" customHeight="1" x14ac:dyDescent="0.35">
      <c r="A897" s="3"/>
      <c r="C897" s="3"/>
      <c r="D897" s="3"/>
      <c r="E897" s="3"/>
    </row>
    <row r="898" spans="1:5" ht="13" customHeight="1" x14ac:dyDescent="0.35">
      <c r="A898" s="3"/>
      <c r="C898" s="3"/>
      <c r="D898" s="3"/>
      <c r="E898" s="3"/>
    </row>
    <row r="899" spans="1:5" ht="13" customHeight="1" x14ac:dyDescent="0.35">
      <c r="A899" s="3"/>
      <c r="C899" s="3"/>
      <c r="D899" s="3"/>
      <c r="E899" s="3"/>
    </row>
    <row r="900" spans="1:5" ht="13" customHeight="1" x14ac:dyDescent="0.35">
      <c r="A900" s="3"/>
      <c r="C900" s="3"/>
      <c r="D900" s="3"/>
      <c r="E900" s="3"/>
    </row>
    <row r="901" spans="1:5" ht="13" customHeight="1" x14ac:dyDescent="0.35">
      <c r="A901" s="3"/>
      <c r="C901" s="3"/>
      <c r="D901" s="3"/>
      <c r="E901" s="3"/>
    </row>
    <row r="902" spans="1:5" ht="13" customHeight="1" x14ac:dyDescent="0.35">
      <c r="A902" s="3"/>
      <c r="C902" s="3"/>
      <c r="D902" s="3"/>
      <c r="E902" s="3"/>
    </row>
    <row r="903" spans="1:5" ht="13" customHeight="1" x14ac:dyDescent="0.35">
      <c r="A903" s="3"/>
      <c r="C903" s="3"/>
      <c r="D903" s="3"/>
      <c r="E903" s="3"/>
    </row>
    <row r="904" spans="1:5" ht="13" customHeight="1" x14ac:dyDescent="0.35">
      <c r="A904" s="3"/>
      <c r="C904" s="3"/>
      <c r="D904" s="3"/>
      <c r="E904" s="3"/>
    </row>
    <row r="905" spans="1:5" ht="13" customHeight="1" x14ac:dyDescent="0.35">
      <c r="A905" s="3"/>
      <c r="C905" s="3"/>
      <c r="D905" s="3"/>
      <c r="E905" s="3"/>
    </row>
    <row r="906" spans="1:5" ht="13" customHeight="1" x14ac:dyDescent="0.35">
      <c r="A906" s="3"/>
      <c r="C906" s="3"/>
      <c r="D906" s="3"/>
      <c r="E906" s="3"/>
    </row>
    <row r="907" spans="1:5" ht="13" customHeight="1" x14ac:dyDescent="0.35">
      <c r="A907" s="3"/>
      <c r="C907" s="3"/>
      <c r="D907" s="3"/>
      <c r="E907" s="3"/>
    </row>
    <row r="908" spans="1:5" ht="13" customHeight="1" x14ac:dyDescent="0.35">
      <c r="A908" s="3"/>
      <c r="C908" s="3"/>
      <c r="D908" s="3"/>
      <c r="E908" s="3"/>
    </row>
    <row r="909" spans="1:5" ht="13" customHeight="1" x14ac:dyDescent="0.35">
      <c r="A909" s="3"/>
      <c r="C909" s="3"/>
      <c r="D909" s="3"/>
      <c r="E909" s="3"/>
    </row>
    <row r="910" spans="1:5" ht="13" customHeight="1" x14ac:dyDescent="0.35">
      <c r="A910" s="3"/>
      <c r="C910" s="3"/>
      <c r="D910" s="3"/>
      <c r="E910" s="3"/>
    </row>
    <row r="911" spans="1:5" ht="13" customHeight="1" x14ac:dyDescent="0.35">
      <c r="A911" s="3"/>
      <c r="C911" s="3"/>
      <c r="D911" s="3"/>
      <c r="E911" s="3"/>
    </row>
    <row r="912" spans="1:5" ht="13" customHeight="1" x14ac:dyDescent="0.35">
      <c r="A912" s="3"/>
      <c r="C912" s="3"/>
      <c r="D912" s="3"/>
      <c r="E912" s="3"/>
    </row>
    <row r="913" spans="1:5" ht="13" customHeight="1" x14ac:dyDescent="0.35">
      <c r="A913" s="3"/>
      <c r="C913" s="3"/>
      <c r="D913" s="3"/>
      <c r="E913" s="3"/>
    </row>
    <row r="914" spans="1:5" ht="13" customHeight="1" x14ac:dyDescent="0.35">
      <c r="A914" s="3"/>
      <c r="C914" s="3"/>
      <c r="D914" s="3"/>
      <c r="E914" s="3"/>
    </row>
    <row r="915" spans="1:5" ht="13" customHeight="1" x14ac:dyDescent="0.35">
      <c r="A915" s="3"/>
      <c r="C915" s="3"/>
      <c r="D915" s="3"/>
      <c r="E915" s="3"/>
    </row>
    <row r="916" spans="1:5" ht="13" customHeight="1" x14ac:dyDescent="0.35">
      <c r="A916" s="3"/>
      <c r="C916" s="3"/>
      <c r="D916" s="3"/>
      <c r="E916" s="3"/>
    </row>
    <row r="917" spans="1:5" ht="13" customHeight="1" x14ac:dyDescent="0.35">
      <c r="A917" s="3"/>
      <c r="C917" s="3"/>
      <c r="D917" s="3"/>
      <c r="E917" s="3"/>
    </row>
    <row r="918" spans="1:5" ht="13" customHeight="1" x14ac:dyDescent="0.35">
      <c r="A918" s="3"/>
      <c r="C918" s="3"/>
      <c r="D918" s="3"/>
      <c r="E918" s="3"/>
    </row>
    <row r="919" spans="1:5" ht="13" customHeight="1" x14ac:dyDescent="0.35">
      <c r="A919" s="3"/>
      <c r="C919" s="3"/>
      <c r="D919" s="3"/>
      <c r="E919" s="3"/>
    </row>
    <row r="920" spans="1:5" ht="13" customHeight="1" x14ac:dyDescent="0.35">
      <c r="A920" s="3"/>
      <c r="C920" s="3"/>
      <c r="D920" s="3"/>
      <c r="E920" s="3"/>
    </row>
    <row r="921" spans="1:5" ht="13" customHeight="1" x14ac:dyDescent="0.35">
      <c r="A921" s="3"/>
      <c r="C921" s="3"/>
      <c r="D921" s="3"/>
      <c r="E921" s="3"/>
    </row>
    <row r="922" spans="1:5" ht="13" customHeight="1" x14ac:dyDescent="0.35">
      <c r="A922" s="3"/>
      <c r="C922" s="3"/>
      <c r="D922" s="3"/>
      <c r="E922" s="3"/>
    </row>
    <row r="923" spans="1:5" ht="13" customHeight="1" x14ac:dyDescent="0.35">
      <c r="A923" s="3"/>
      <c r="C923" s="3"/>
      <c r="D923" s="3"/>
      <c r="E923" s="3"/>
    </row>
    <row r="924" spans="1:5" ht="13" customHeight="1" x14ac:dyDescent="0.35">
      <c r="A924" s="3"/>
      <c r="C924" s="3"/>
      <c r="D924" s="3"/>
      <c r="E924" s="3"/>
    </row>
    <row r="925" spans="1:5" ht="13" customHeight="1" x14ac:dyDescent="0.35">
      <c r="A925" s="3"/>
      <c r="C925" s="3"/>
      <c r="D925" s="3"/>
      <c r="E925" s="3"/>
    </row>
    <row r="926" spans="1:5" ht="13" customHeight="1" x14ac:dyDescent="0.35">
      <c r="A926" s="3"/>
      <c r="C926" s="3"/>
      <c r="D926" s="3"/>
      <c r="E926" s="3"/>
    </row>
    <row r="927" spans="1:5" ht="13" customHeight="1" x14ac:dyDescent="0.35">
      <c r="A927" s="3"/>
      <c r="C927" s="3"/>
      <c r="D927" s="3"/>
      <c r="E927" s="3"/>
    </row>
    <row r="928" spans="1:5" ht="13" customHeight="1" x14ac:dyDescent="0.35">
      <c r="A928" s="3"/>
      <c r="C928" s="3"/>
      <c r="D928" s="3"/>
      <c r="E928" s="3"/>
    </row>
    <row r="929" spans="1:5" ht="13" customHeight="1" x14ac:dyDescent="0.35">
      <c r="A929" s="3"/>
      <c r="C929" s="3"/>
      <c r="D929" s="3"/>
      <c r="E929" s="3"/>
    </row>
    <row r="930" spans="1:5" ht="13" customHeight="1" x14ac:dyDescent="0.35">
      <c r="A930" s="3"/>
      <c r="C930" s="3"/>
      <c r="D930" s="3"/>
      <c r="E930" s="3"/>
    </row>
    <row r="931" spans="1:5" ht="13" customHeight="1" x14ac:dyDescent="0.35">
      <c r="A931" s="3"/>
      <c r="C931" s="3"/>
      <c r="D931" s="3"/>
      <c r="E931" s="3"/>
    </row>
    <row r="932" spans="1:5" ht="13" customHeight="1" x14ac:dyDescent="0.35">
      <c r="A932" s="3"/>
      <c r="C932" s="3"/>
      <c r="D932" s="3"/>
      <c r="E932" s="3"/>
    </row>
    <row r="933" spans="1:5" ht="13" customHeight="1" x14ac:dyDescent="0.35">
      <c r="A933" s="3"/>
      <c r="C933" s="3"/>
      <c r="D933" s="3"/>
      <c r="E933" s="3"/>
    </row>
    <row r="934" spans="1:5" ht="13" customHeight="1" x14ac:dyDescent="0.35">
      <c r="A934" s="3"/>
      <c r="C934" s="3"/>
      <c r="D934" s="3"/>
      <c r="E934" s="3"/>
    </row>
    <row r="935" spans="1:5" ht="13" customHeight="1" x14ac:dyDescent="0.35">
      <c r="A935" s="3"/>
      <c r="C935" s="3"/>
      <c r="D935" s="3"/>
      <c r="E935" s="3"/>
    </row>
    <row r="936" spans="1:5" ht="13" customHeight="1" x14ac:dyDescent="0.35">
      <c r="A936" s="3"/>
      <c r="C936" s="3"/>
      <c r="D936" s="3"/>
      <c r="E936" s="3"/>
    </row>
    <row r="937" spans="1:5" ht="13" customHeight="1" x14ac:dyDescent="0.35">
      <c r="A937" s="3"/>
      <c r="C937" s="3"/>
      <c r="D937" s="3"/>
      <c r="E937" s="3"/>
    </row>
    <row r="938" spans="1:5" ht="13" customHeight="1" x14ac:dyDescent="0.35">
      <c r="A938" s="3"/>
      <c r="C938" s="3"/>
      <c r="D938" s="3"/>
      <c r="E938" s="3"/>
    </row>
    <row r="939" spans="1:5" ht="13" customHeight="1" x14ac:dyDescent="0.35">
      <c r="A939" s="3"/>
      <c r="C939" s="3"/>
      <c r="D939" s="3"/>
      <c r="E939" s="3"/>
    </row>
    <row r="940" spans="1:5" ht="13" customHeight="1" x14ac:dyDescent="0.35">
      <c r="A940" s="3"/>
      <c r="C940" s="3"/>
      <c r="D940" s="3"/>
      <c r="E940" s="3"/>
    </row>
    <row r="941" spans="1:5" ht="13" customHeight="1" x14ac:dyDescent="0.35">
      <c r="A941" s="3"/>
      <c r="C941" s="3"/>
      <c r="D941" s="3"/>
      <c r="E941" s="3"/>
    </row>
    <row r="942" spans="1:5" ht="13" customHeight="1" x14ac:dyDescent="0.35">
      <c r="A942" s="3"/>
      <c r="C942" s="3"/>
      <c r="D942" s="3"/>
      <c r="E942" s="3"/>
    </row>
    <row r="943" spans="1:5" ht="13" customHeight="1" x14ac:dyDescent="0.35">
      <c r="A943" s="3"/>
      <c r="C943" s="3"/>
      <c r="D943" s="3"/>
      <c r="E943" s="3"/>
    </row>
    <row r="944" spans="1:5" ht="13" customHeight="1" x14ac:dyDescent="0.35">
      <c r="A944" s="3"/>
      <c r="C944" s="3"/>
      <c r="D944" s="3"/>
      <c r="E944" s="3"/>
    </row>
    <row r="945" spans="1:5" ht="13" customHeight="1" x14ac:dyDescent="0.35">
      <c r="A945" s="3"/>
      <c r="C945" s="3"/>
      <c r="D945" s="3"/>
      <c r="E945" s="3"/>
    </row>
    <row r="946" spans="1:5" ht="13" customHeight="1" x14ac:dyDescent="0.35">
      <c r="A946" s="3"/>
      <c r="C946" s="3"/>
      <c r="D946" s="3"/>
      <c r="E946" s="3"/>
    </row>
    <row r="947" spans="1:5" ht="13" customHeight="1" x14ac:dyDescent="0.35">
      <c r="A947" s="3"/>
      <c r="C947" s="3"/>
      <c r="D947" s="3"/>
      <c r="E947" s="3"/>
    </row>
    <row r="948" spans="1:5" ht="13" customHeight="1" x14ac:dyDescent="0.35">
      <c r="A948" s="3"/>
      <c r="C948" s="3"/>
      <c r="D948" s="3"/>
      <c r="E948" s="3"/>
    </row>
    <row r="949" spans="1:5" ht="13" customHeight="1" x14ac:dyDescent="0.35">
      <c r="A949" s="3"/>
      <c r="C949" s="3"/>
      <c r="D949" s="3"/>
      <c r="E949" s="3"/>
    </row>
    <row r="950" spans="1:5" ht="13" customHeight="1" x14ac:dyDescent="0.35">
      <c r="A950" s="3"/>
      <c r="C950" s="3"/>
      <c r="D950" s="3"/>
      <c r="E950" s="3"/>
    </row>
    <row r="951" spans="1:5" ht="13" customHeight="1" x14ac:dyDescent="0.35">
      <c r="A951" s="3"/>
      <c r="C951" s="3"/>
      <c r="D951" s="3"/>
      <c r="E951" s="3"/>
    </row>
    <row r="952" spans="1:5" ht="13" customHeight="1" x14ac:dyDescent="0.35">
      <c r="A952" s="3"/>
      <c r="C952" s="3"/>
      <c r="D952" s="3"/>
      <c r="E952" s="3"/>
    </row>
    <row r="953" spans="1:5" ht="13" customHeight="1" x14ac:dyDescent="0.35">
      <c r="A953" s="3"/>
      <c r="C953" s="3"/>
      <c r="D953" s="3"/>
      <c r="E953" s="3"/>
    </row>
    <row r="954" spans="1:5" ht="13" customHeight="1" x14ac:dyDescent="0.35">
      <c r="A954" s="3"/>
      <c r="C954" s="3"/>
      <c r="D954" s="3"/>
      <c r="E954" s="3"/>
    </row>
    <row r="955" spans="1:5" ht="13" customHeight="1" x14ac:dyDescent="0.35">
      <c r="A955" s="3"/>
      <c r="C955" s="3"/>
      <c r="D955" s="3"/>
      <c r="E955" s="3"/>
    </row>
    <row r="956" spans="1:5" ht="13" customHeight="1" x14ac:dyDescent="0.35">
      <c r="A956" s="3"/>
      <c r="C956" s="3"/>
      <c r="D956" s="3"/>
      <c r="E956" s="3"/>
    </row>
    <row r="957" spans="1:5" ht="13" customHeight="1" x14ac:dyDescent="0.35">
      <c r="A957" s="3"/>
      <c r="C957" s="3"/>
      <c r="D957" s="3"/>
      <c r="E957" s="3"/>
    </row>
    <row r="958" spans="1:5" ht="13" customHeight="1" x14ac:dyDescent="0.35">
      <c r="A958" s="3"/>
      <c r="C958" s="3"/>
      <c r="D958" s="3"/>
      <c r="E958" s="3"/>
    </row>
    <row r="959" spans="1:5" ht="13" customHeight="1" x14ac:dyDescent="0.35">
      <c r="A959" s="3"/>
      <c r="C959" s="3"/>
      <c r="D959" s="3"/>
      <c r="E959" s="3"/>
    </row>
    <row r="960" spans="1:5" ht="13" customHeight="1" x14ac:dyDescent="0.35">
      <c r="A960" s="3"/>
      <c r="C960" s="3"/>
      <c r="D960" s="3"/>
      <c r="E960" s="3"/>
    </row>
    <row r="961" spans="1:5" ht="13" customHeight="1" x14ac:dyDescent="0.35">
      <c r="A961" s="3"/>
      <c r="C961" s="3"/>
      <c r="D961" s="3"/>
      <c r="E961" s="3"/>
    </row>
    <row r="962" spans="1:5" ht="13" customHeight="1" x14ac:dyDescent="0.35">
      <c r="A962" s="3"/>
      <c r="C962" s="3"/>
      <c r="D962" s="3"/>
      <c r="E962" s="3"/>
    </row>
    <row r="963" spans="1:5" ht="13" customHeight="1" x14ac:dyDescent="0.35">
      <c r="A963" s="3"/>
      <c r="C963" s="3"/>
      <c r="D963" s="3"/>
      <c r="E963" s="3"/>
    </row>
    <row r="964" spans="1:5" ht="13" customHeight="1" x14ac:dyDescent="0.35">
      <c r="A964" s="3"/>
      <c r="C964" s="3"/>
      <c r="D964" s="3"/>
      <c r="E964" s="3"/>
    </row>
    <row r="965" spans="1:5" ht="13" customHeight="1" x14ac:dyDescent="0.35">
      <c r="A965" s="3"/>
      <c r="C965" s="3"/>
      <c r="D965" s="3"/>
      <c r="E965" s="3"/>
    </row>
    <row r="966" spans="1:5" ht="13" customHeight="1" x14ac:dyDescent="0.35">
      <c r="A966" s="3"/>
      <c r="C966" s="3"/>
      <c r="D966" s="3"/>
      <c r="E966" s="3"/>
    </row>
    <row r="967" spans="1:5" ht="13" customHeight="1" x14ac:dyDescent="0.35">
      <c r="A967" s="3"/>
      <c r="C967" s="3"/>
      <c r="D967" s="3"/>
      <c r="E967" s="3"/>
    </row>
    <row r="968" spans="1:5" ht="13" customHeight="1" x14ac:dyDescent="0.35">
      <c r="A968" s="3"/>
      <c r="C968" s="3"/>
      <c r="D968" s="3"/>
      <c r="E968" s="3"/>
    </row>
    <row r="969" spans="1:5" ht="13" customHeight="1" x14ac:dyDescent="0.35">
      <c r="A969" s="3"/>
      <c r="C969" s="3"/>
      <c r="D969" s="3"/>
      <c r="E969" s="3"/>
    </row>
    <row r="970" spans="1:5" ht="13" customHeight="1" x14ac:dyDescent="0.35">
      <c r="A970" s="3"/>
      <c r="C970" s="3"/>
      <c r="D970" s="3"/>
      <c r="E970" s="3"/>
    </row>
    <row r="971" spans="1:5" ht="13" customHeight="1" x14ac:dyDescent="0.35">
      <c r="A971" s="3"/>
      <c r="C971" s="3"/>
      <c r="D971" s="3"/>
      <c r="E971" s="3"/>
    </row>
    <row r="972" spans="1:5" ht="13" customHeight="1" x14ac:dyDescent="0.35">
      <c r="A972" s="3"/>
      <c r="C972" s="3"/>
      <c r="D972" s="3"/>
      <c r="E972" s="3"/>
    </row>
    <row r="973" spans="1:5" ht="13" customHeight="1" x14ac:dyDescent="0.35">
      <c r="A973" s="3"/>
      <c r="C973" s="3"/>
      <c r="D973" s="3"/>
      <c r="E973" s="3"/>
    </row>
    <row r="974" spans="1:5" ht="13" customHeight="1" x14ac:dyDescent="0.35">
      <c r="A974" s="3"/>
      <c r="C974" s="3"/>
      <c r="D974" s="3"/>
      <c r="E974" s="3"/>
    </row>
    <row r="975" spans="1:5" ht="13" customHeight="1" x14ac:dyDescent="0.35">
      <c r="A975" s="3"/>
      <c r="C975" s="3"/>
      <c r="D975" s="3"/>
      <c r="E975" s="3"/>
    </row>
    <row r="976" spans="1:5" ht="13" customHeight="1" x14ac:dyDescent="0.35">
      <c r="A976" s="3"/>
      <c r="C976" s="3"/>
      <c r="D976" s="3"/>
      <c r="E976" s="3"/>
    </row>
    <row r="977" spans="1:5" ht="13" customHeight="1" x14ac:dyDescent="0.35">
      <c r="A977" s="3"/>
      <c r="C977" s="3"/>
      <c r="D977" s="3"/>
      <c r="E977" s="3"/>
    </row>
    <row r="978" spans="1:5" ht="13" customHeight="1" x14ac:dyDescent="0.35">
      <c r="A978" s="3"/>
      <c r="C978" s="3"/>
      <c r="D978" s="3"/>
      <c r="E978" s="3"/>
    </row>
    <row r="979" spans="1:5" ht="13" customHeight="1" x14ac:dyDescent="0.35">
      <c r="A979" s="3"/>
      <c r="C979" s="3"/>
      <c r="D979" s="3"/>
      <c r="E979" s="3"/>
    </row>
    <row r="980" spans="1:5" ht="13" customHeight="1" x14ac:dyDescent="0.35">
      <c r="A980" s="3"/>
      <c r="C980" s="3"/>
      <c r="D980" s="3"/>
      <c r="E980" s="3"/>
    </row>
    <row r="981" spans="1:5" ht="13" customHeight="1" x14ac:dyDescent="0.35">
      <c r="A981" s="3"/>
      <c r="C981" s="3"/>
      <c r="D981" s="3"/>
      <c r="E981" s="3"/>
    </row>
    <row r="982" spans="1:5" ht="13" customHeight="1" x14ac:dyDescent="0.35">
      <c r="A982" s="3"/>
      <c r="C982" s="3"/>
      <c r="D982" s="3"/>
      <c r="E982" s="3"/>
    </row>
    <row r="983" spans="1:5" ht="13" customHeight="1" x14ac:dyDescent="0.35">
      <c r="A983" s="3"/>
      <c r="C983" s="3"/>
      <c r="D983" s="3"/>
      <c r="E983" s="3"/>
    </row>
    <row r="984" spans="1:5" ht="13" customHeight="1" x14ac:dyDescent="0.35">
      <c r="A984" s="3"/>
      <c r="C984" s="3"/>
      <c r="D984" s="3"/>
      <c r="E984" s="3"/>
    </row>
    <row r="985" spans="1:5" ht="13" customHeight="1" x14ac:dyDescent="0.35">
      <c r="A985" s="3"/>
      <c r="C985" s="3"/>
      <c r="D985" s="3"/>
      <c r="E985" s="3"/>
    </row>
    <row r="986" spans="1:5" ht="13" customHeight="1" x14ac:dyDescent="0.35">
      <c r="A986" s="3"/>
      <c r="C986" s="3"/>
      <c r="D986" s="3"/>
      <c r="E986" s="3"/>
    </row>
    <row r="987" spans="1:5" ht="13" customHeight="1" x14ac:dyDescent="0.35">
      <c r="A987" s="3"/>
      <c r="C987" s="3"/>
      <c r="D987" s="3"/>
      <c r="E987" s="3"/>
    </row>
    <row r="988" spans="1:5" ht="13" customHeight="1" x14ac:dyDescent="0.35">
      <c r="A988" s="3"/>
      <c r="C988" s="3"/>
      <c r="D988" s="3"/>
      <c r="E988" s="3"/>
    </row>
    <row r="989" spans="1:5" ht="13" customHeight="1" x14ac:dyDescent="0.35">
      <c r="A989" s="3"/>
      <c r="C989" s="3"/>
      <c r="D989" s="3"/>
      <c r="E989" s="3"/>
    </row>
    <row r="990" spans="1:5" ht="13" customHeight="1" x14ac:dyDescent="0.35">
      <c r="A990" s="3"/>
      <c r="C990" s="3"/>
      <c r="D990" s="3"/>
      <c r="E990" s="3"/>
    </row>
    <row r="991" spans="1:5" ht="13" customHeight="1" x14ac:dyDescent="0.35">
      <c r="A991" s="3"/>
      <c r="C991" s="3"/>
      <c r="D991" s="3"/>
      <c r="E991" s="3"/>
    </row>
    <row r="992" spans="1:5" ht="13" customHeight="1" x14ac:dyDescent="0.35">
      <c r="A992" s="3"/>
      <c r="C992" s="3"/>
      <c r="D992" s="3"/>
      <c r="E992" s="3"/>
    </row>
    <row r="993" spans="1:5" ht="13" customHeight="1" x14ac:dyDescent="0.35">
      <c r="A993" s="3"/>
      <c r="C993" s="3"/>
      <c r="D993" s="3"/>
      <c r="E993" s="3"/>
    </row>
    <row r="994" spans="1:5" ht="13" customHeight="1" x14ac:dyDescent="0.35">
      <c r="A994" s="3"/>
      <c r="C994" s="3"/>
      <c r="D994" s="3"/>
      <c r="E994" s="3"/>
    </row>
    <row r="995" spans="1:5" ht="13" customHeight="1" x14ac:dyDescent="0.35">
      <c r="A995" s="3"/>
      <c r="C995" s="3"/>
      <c r="D995" s="3"/>
      <c r="E995" s="3"/>
    </row>
    <row r="996" spans="1:5" ht="13" customHeight="1" x14ac:dyDescent="0.35">
      <c r="A996" s="3"/>
      <c r="C996" s="3"/>
      <c r="D996" s="3"/>
      <c r="E996" s="3"/>
    </row>
    <row r="997" spans="1:5" ht="13" customHeight="1" x14ac:dyDescent="0.35">
      <c r="A997" s="3"/>
      <c r="C997" s="3"/>
      <c r="D997" s="3"/>
      <c r="E997" s="3"/>
    </row>
    <row r="998" spans="1:5" ht="13" customHeight="1" x14ac:dyDescent="0.35">
      <c r="A998" s="3"/>
      <c r="C998" s="3"/>
      <c r="D998" s="3"/>
      <c r="E998" s="3"/>
    </row>
    <row r="999" spans="1:5" ht="13" customHeight="1" x14ac:dyDescent="0.35">
      <c r="A999" s="3"/>
      <c r="C999" s="3"/>
      <c r="D999" s="3"/>
      <c r="E999" s="3"/>
    </row>
    <row r="1000" spans="1:5" ht="13" customHeight="1" x14ac:dyDescent="0.35">
      <c r="A1000" s="3"/>
      <c r="C1000" s="3"/>
      <c r="D1000" s="3"/>
      <c r="E1000" s="3"/>
    </row>
    <row r="1001" spans="1:5" ht="13" customHeight="1" x14ac:dyDescent="0.35">
      <c r="A1001" s="3"/>
      <c r="C1001" s="3"/>
      <c r="D1001" s="3"/>
      <c r="E1001" s="3"/>
    </row>
    <row r="1002" spans="1:5" ht="13" customHeight="1" x14ac:dyDescent="0.35">
      <c r="A1002" s="3"/>
      <c r="C1002" s="3"/>
      <c r="D1002" s="3"/>
      <c r="E1002" s="3"/>
    </row>
    <row r="1003" spans="1:5" ht="13" customHeight="1" x14ac:dyDescent="0.35">
      <c r="A1003" s="3"/>
      <c r="C1003" s="3"/>
      <c r="D1003" s="3"/>
      <c r="E1003" s="3"/>
    </row>
    <row r="1004" spans="1:5" ht="13" customHeight="1" x14ac:dyDescent="0.35">
      <c r="A1004" s="3"/>
      <c r="C1004" s="3"/>
      <c r="D1004" s="3"/>
      <c r="E1004" s="3"/>
    </row>
    <row r="1005" spans="1:5" ht="13" customHeight="1" x14ac:dyDescent="0.35">
      <c r="A1005" s="3"/>
      <c r="C1005" s="3"/>
      <c r="D1005" s="3"/>
      <c r="E1005" s="3"/>
    </row>
    <row r="1006" spans="1:5" ht="13" customHeight="1" x14ac:dyDescent="0.35">
      <c r="A1006" s="3"/>
      <c r="C1006" s="3"/>
      <c r="D1006" s="3"/>
      <c r="E1006" s="3"/>
    </row>
    <row r="1007" spans="1:5" ht="13" customHeight="1" x14ac:dyDescent="0.35">
      <c r="A1007" s="3"/>
      <c r="C1007" s="3"/>
      <c r="D1007" s="3"/>
      <c r="E1007" s="3"/>
    </row>
    <row r="1008" spans="1:5" ht="13" customHeight="1" x14ac:dyDescent="0.35">
      <c r="A1008" s="3"/>
      <c r="C1008" s="3"/>
      <c r="D1008" s="3"/>
      <c r="E1008" s="3"/>
    </row>
    <row r="1009" spans="1:5" ht="13" customHeight="1" x14ac:dyDescent="0.35">
      <c r="A1009" s="3"/>
      <c r="C1009" s="3"/>
      <c r="D1009" s="3"/>
      <c r="E1009" s="3"/>
    </row>
    <row r="1010" spans="1:5" ht="13" customHeight="1" x14ac:dyDescent="0.35">
      <c r="A1010" s="3"/>
      <c r="C1010" s="3"/>
      <c r="D1010" s="3"/>
      <c r="E1010" s="3"/>
    </row>
    <row r="1011" spans="1:5" ht="13" customHeight="1" x14ac:dyDescent="0.35">
      <c r="A1011" s="3"/>
      <c r="C1011" s="3"/>
      <c r="D1011" s="3"/>
      <c r="E1011" s="3"/>
    </row>
    <row r="1012" spans="1:5" ht="13" customHeight="1" x14ac:dyDescent="0.35">
      <c r="A1012" s="3"/>
      <c r="C1012" s="3"/>
      <c r="D1012" s="3"/>
      <c r="E1012" s="3"/>
    </row>
    <row r="1013" spans="1:5" ht="13" customHeight="1" x14ac:dyDescent="0.35">
      <c r="A1013" s="3"/>
      <c r="C1013" s="3"/>
      <c r="D1013" s="3"/>
      <c r="E1013" s="3"/>
    </row>
    <row r="1014" spans="1:5" ht="13" customHeight="1" x14ac:dyDescent="0.35">
      <c r="A1014" s="3"/>
      <c r="C1014" s="3"/>
      <c r="D1014" s="3"/>
      <c r="E1014" s="3"/>
    </row>
    <row r="1015" spans="1:5" ht="13" customHeight="1" x14ac:dyDescent="0.35">
      <c r="A1015" s="3"/>
      <c r="C1015" s="3"/>
      <c r="D1015" s="3"/>
      <c r="E1015" s="3"/>
    </row>
    <row r="1016" spans="1:5" ht="13" customHeight="1" x14ac:dyDescent="0.35">
      <c r="A1016" s="3"/>
      <c r="C1016" s="3"/>
      <c r="D1016" s="3"/>
      <c r="E1016" s="3"/>
    </row>
    <row r="1017" spans="1:5" ht="13" customHeight="1" x14ac:dyDescent="0.35">
      <c r="A1017" s="3"/>
      <c r="C1017" s="3"/>
      <c r="D1017" s="3"/>
      <c r="E1017" s="3"/>
    </row>
    <row r="1018" spans="1:5" ht="13" customHeight="1" x14ac:dyDescent="0.35">
      <c r="A1018" s="3"/>
      <c r="C1018" s="3"/>
      <c r="D1018" s="3"/>
      <c r="E1018" s="3"/>
    </row>
    <row r="1019" spans="1:5" ht="13" customHeight="1" x14ac:dyDescent="0.35">
      <c r="A1019" s="3"/>
      <c r="C1019" s="3"/>
      <c r="D1019" s="3"/>
      <c r="E1019" s="3"/>
    </row>
    <row r="1020" spans="1:5" ht="13" customHeight="1" x14ac:dyDescent="0.35">
      <c r="A1020" s="3"/>
      <c r="C1020" s="3"/>
      <c r="D1020" s="3"/>
      <c r="E1020" s="3"/>
    </row>
    <row r="1021" spans="1:5" ht="13" customHeight="1" x14ac:dyDescent="0.35">
      <c r="A1021" s="3"/>
      <c r="C1021" s="3"/>
      <c r="D1021" s="3"/>
      <c r="E1021" s="3"/>
    </row>
    <row r="1022" spans="1:5" ht="13" customHeight="1" x14ac:dyDescent="0.35">
      <c r="A1022" s="3"/>
      <c r="C1022" s="3"/>
      <c r="D1022" s="3"/>
      <c r="E1022" s="3"/>
    </row>
    <row r="1023" spans="1:5" ht="13" customHeight="1" x14ac:dyDescent="0.35">
      <c r="A1023" s="3"/>
      <c r="C1023" s="3"/>
      <c r="D1023" s="3"/>
      <c r="E1023" s="3"/>
    </row>
    <row r="1024" spans="1:5" ht="13" customHeight="1" x14ac:dyDescent="0.35">
      <c r="A1024" s="3"/>
      <c r="C1024" s="3"/>
      <c r="D1024" s="3"/>
      <c r="E1024" s="3"/>
    </row>
    <row r="1025" spans="1:5" ht="13" customHeight="1" x14ac:dyDescent="0.35">
      <c r="A1025" s="3"/>
      <c r="C1025" s="3"/>
      <c r="D1025" s="3"/>
      <c r="E1025" s="3"/>
    </row>
    <row r="1026" spans="1:5" ht="13" customHeight="1" x14ac:dyDescent="0.35">
      <c r="A1026" s="3"/>
      <c r="C1026" s="3"/>
      <c r="D1026" s="3"/>
      <c r="E1026" s="3"/>
    </row>
    <row r="1027" spans="1:5" ht="13" customHeight="1" x14ac:dyDescent="0.35">
      <c r="A1027" s="3"/>
      <c r="C1027" s="3"/>
      <c r="D1027" s="3"/>
      <c r="E1027" s="3"/>
    </row>
    <row r="1028" spans="1:5" ht="13" customHeight="1" x14ac:dyDescent="0.35">
      <c r="A1028" s="3"/>
      <c r="C1028" s="3"/>
      <c r="D1028" s="3"/>
      <c r="E1028" s="3"/>
    </row>
    <row r="1029" spans="1:5" ht="13" customHeight="1" x14ac:dyDescent="0.35">
      <c r="A1029" s="3"/>
      <c r="C1029" s="3"/>
      <c r="D1029" s="3"/>
      <c r="E1029" s="3"/>
    </row>
    <row r="1030" spans="1:5" ht="13" customHeight="1" x14ac:dyDescent="0.35">
      <c r="A1030" s="3"/>
      <c r="C1030" s="3"/>
      <c r="D1030" s="3"/>
      <c r="E1030" s="3"/>
    </row>
    <row r="1031" spans="1:5" ht="13" customHeight="1" x14ac:dyDescent="0.35">
      <c r="A1031" s="3"/>
      <c r="C1031" s="3"/>
      <c r="D1031" s="3"/>
      <c r="E1031" s="3"/>
    </row>
    <row r="1032" spans="1:5" ht="13" customHeight="1" x14ac:dyDescent="0.35">
      <c r="A1032" s="3"/>
      <c r="C1032" s="3"/>
      <c r="D1032" s="3"/>
      <c r="E1032" s="3"/>
    </row>
    <row r="1033" spans="1:5" ht="13" customHeight="1" x14ac:dyDescent="0.35">
      <c r="A1033" s="3"/>
      <c r="C1033" s="3"/>
      <c r="D1033" s="3"/>
      <c r="E1033" s="3"/>
    </row>
    <row r="1034" spans="1:5" ht="13" customHeight="1" x14ac:dyDescent="0.35">
      <c r="A1034" s="3"/>
      <c r="C1034" s="3"/>
      <c r="D1034" s="3"/>
      <c r="E1034" s="3"/>
    </row>
    <row r="1035" spans="1:5" ht="13" customHeight="1" x14ac:dyDescent="0.35">
      <c r="A1035" s="3"/>
      <c r="C1035" s="3"/>
      <c r="D1035" s="3"/>
      <c r="E1035" s="3"/>
    </row>
    <row r="1036" spans="1:5" ht="13" customHeight="1" x14ac:dyDescent="0.35">
      <c r="A1036" s="3"/>
      <c r="C1036" s="3"/>
      <c r="D1036" s="3"/>
      <c r="E1036" s="3"/>
    </row>
    <row r="1037" spans="1:5" ht="13" customHeight="1" x14ac:dyDescent="0.35">
      <c r="A1037" s="3"/>
      <c r="C1037" s="3"/>
      <c r="D1037" s="3"/>
      <c r="E1037" s="3"/>
    </row>
    <row r="1038" spans="1:5" ht="13" customHeight="1" x14ac:dyDescent="0.35">
      <c r="A1038" s="3"/>
      <c r="C1038" s="3"/>
      <c r="D1038" s="3"/>
      <c r="E1038" s="3"/>
    </row>
    <row r="1039" spans="1:5" ht="13" customHeight="1" x14ac:dyDescent="0.35">
      <c r="A1039" s="3"/>
      <c r="C1039" s="3"/>
      <c r="D1039" s="3"/>
      <c r="E1039" s="3"/>
    </row>
    <row r="1040" spans="1:5" ht="13" customHeight="1" x14ac:dyDescent="0.35">
      <c r="A1040" s="3"/>
      <c r="C1040" s="3"/>
      <c r="D1040" s="3"/>
      <c r="E1040" s="3"/>
    </row>
    <row r="1041" spans="1:5" ht="13" customHeight="1" x14ac:dyDescent="0.35">
      <c r="A1041" s="3"/>
      <c r="C1041" s="3"/>
      <c r="D1041" s="3"/>
      <c r="E1041" s="3"/>
    </row>
    <row r="1042" spans="1:5" ht="13" customHeight="1" x14ac:dyDescent="0.35">
      <c r="A1042" s="3"/>
      <c r="C1042" s="3"/>
      <c r="D1042" s="3"/>
      <c r="E1042" s="3"/>
    </row>
    <row r="1043" spans="1:5" ht="13" customHeight="1" x14ac:dyDescent="0.35">
      <c r="A1043" s="3"/>
      <c r="C1043" s="3"/>
      <c r="D1043" s="3"/>
      <c r="E1043" s="3"/>
    </row>
    <row r="1044" spans="1:5" ht="13" customHeight="1" x14ac:dyDescent="0.35">
      <c r="A1044" s="3"/>
      <c r="C1044" s="3"/>
      <c r="D1044" s="3"/>
      <c r="E1044" s="3"/>
    </row>
    <row r="1045" spans="1:5" ht="13" customHeight="1" x14ac:dyDescent="0.35">
      <c r="A1045" s="3"/>
      <c r="C1045" s="3"/>
      <c r="D1045" s="3"/>
      <c r="E1045" s="3"/>
    </row>
    <row r="1046" spans="1:5" ht="13" customHeight="1" x14ac:dyDescent="0.35">
      <c r="A1046" s="3"/>
      <c r="C1046" s="3"/>
      <c r="D1046" s="3"/>
      <c r="E1046" s="3"/>
    </row>
    <row r="1047" spans="1:5" ht="13" customHeight="1" x14ac:dyDescent="0.35">
      <c r="A1047" s="3"/>
      <c r="C1047" s="3"/>
      <c r="D1047" s="3"/>
      <c r="E1047" s="3"/>
    </row>
    <row r="1048" spans="1:5" ht="13" customHeight="1" x14ac:dyDescent="0.35">
      <c r="A1048" s="3"/>
      <c r="C1048" s="3"/>
      <c r="D1048" s="3"/>
      <c r="E1048" s="3"/>
    </row>
    <row r="1049" spans="1:5" ht="13" customHeight="1" x14ac:dyDescent="0.35">
      <c r="A1049" s="3"/>
      <c r="C1049" s="3"/>
      <c r="D1049" s="3"/>
      <c r="E1049" s="3"/>
    </row>
    <row r="1050" spans="1:5" ht="13" customHeight="1" x14ac:dyDescent="0.35">
      <c r="A1050" s="3"/>
      <c r="C1050" s="3"/>
      <c r="D1050" s="3"/>
      <c r="E1050" s="3"/>
    </row>
    <row r="1051" spans="1:5" ht="13" customHeight="1" x14ac:dyDescent="0.35">
      <c r="A1051" s="3"/>
      <c r="C1051" s="3"/>
      <c r="D1051" s="3"/>
      <c r="E1051" s="3"/>
    </row>
    <row r="1052" spans="1:5" ht="13" customHeight="1" x14ac:dyDescent="0.35">
      <c r="A1052" s="3"/>
      <c r="C1052" s="3"/>
      <c r="D1052" s="3"/>
      <c r="E1052" s="3"/>
    </row>
    <row r="1053" spans="1:5" ht="13" customHeight="1" x14ac:dyDescent="0.35">
      <c r="A1053" s="3"/>
      <c r="C1053" s="3"/>
      <c r="D1053" s="3"/>
      <c r="E1053" s="3"/>
    </row>
    <row r="1054" spans="1:5" ht="13" customHeight="1" x14ac:dyDescent="0.35">
      <c r="A1054" s="3"/>
      <c r="C1054" s="3"/>
      <c r="D1054" s="3"/>
      <c r="E1054" s="3"/>
    </row>
    <row r="1055" spans="1:5" ht="13" customHeight="1" x14ac:dyDescent="0.35">
      <c r="A1055" s="3"/>
      <c r="C1055" s="3"/>
      <c r="D1055" s="3"/>
      <c r="E1055" s="3"/>
    </row>
    <row r="1056" spans="1:5" ht="13" customHeight="1" x14ac:dyDescent="0.35">
      <c r="A1056" s="3"/>
      <c r="C1056" s="3"/>
      <c r="D1056" s="3"/>
      <c r="E1056" s="3"/>
    </row>
    <row r="1057" spans="1:5" ht="13" customHeight="1" x14ac:dyDescent="0.35">
      <c r="A1057" s="3"/>
      <c r="C1057" s="3"/>
      <c r="D1057" s="3"/>
      <c r="E1057" s="3"/>
    </row>
    <row r="1058" spans="1:5" ht="13" customHeight="1" x14ac:dyDescent="0.35">
      <c r="A1058" s="3"/>
      <c r="C1058" s="3"/>
      <c r="D1058" s="3"/>
      <c r="E1058" s="3"/>
    </row>
    <row r="1059" spans="1:5" ht="13" customHeight="1" x14ac:dyDescent="0.35">
      <c r="A1059" s="3"/>
      <c r="C1059" s="3"/>
      <c r="D1059" s="3"/>
      <c r="E1059" s="3"/>
    </row>
    <row r="1060" spans="1:5" ht="13" customHeight="1" x14ac:dyDescent="0.35">
      <c r="A1060" s="3"/>
      <c r="C1060" s="3"/>
      <c r="D1060" s="3"/>
      <c r="E1060" s="3"/>
    </row>
    <row r="1061" spans="1:5" ht="13" customHeight="1" x14ac:dyDescent="0.35">
      <c r="A1061" s="3"/>
      <c r="C1061" s="3"/>
      <c r="D1061" s="3"/>
      <c r="E1061" s="3"/>
    </row>
    <row r="1062" spans="1:5" ht="13" customHeight="1" x14ac:dyDescent="0.35">
      <c r="A1062" s="3"/>
      <c r="C1062" s="3"/>
      <c r="D1062" s="3"/>
      <c r="E1062" s="3"/>
    </row>
    <row r="1063" spans="1:5" ht="13" customHeight="1" x14ac:dyDescent="0.35">
      <c r="A1063" s="3"/>
      <c r="C1063" s="3"/>
      <c r="D1063" s="3"/>
      <c r="E1063" s="3"/>
    </row>
    <row r="1064" spans="1:5" ht="13" customHeight="1" x14ac:dyDescent="0.35">
      <c r="A1064" s="3"/>
      <c r="C1064" s="3"/>
      <c r="D1064" s="3"/>
      <c r="E1064" s="3"/>
    </row>
    <row r="1065" spans="1:5" ht="13" customHeight="1" x14ac:dyDescent="0.35">
      <c r="A1065" s="3"/>
      <c r="C1065" s="3"/>
      <c r="D1065" s="3"/>
      <c r="E1065" s="3"/>
    </row>
    <row r="1066" spans="1:5" ht="13" customHeight="1" x14ac:dyDescent="0.35">
      <c r="A1066" s="3"/>
      <c r="C1066" s="3"/>
      <c r="D1066" s="3"/>
      <c r="E1066" s="3"/>
    </row>
    <row r="1067" spans="1:5" ht="13" customHeight="1" x14ac:dyDescent="0.35">
      <c r="A1067" s="3"/>
      <c r="C1067" s="3"/>
      <c r="D1067" s="3"/>
      <c r="E1067" s="3"/>
    </row>
    <row r="1068" spans="1:5" ht="13" customHeight="1" x14ac:dyDescent="0.35">
      <c r="A1068" s="3"/>
      <c r="C1068" s="3"/>
      <c r="D1068" s="3"/>
      <c r="E1068" s="3"/>
    </row>
    <row r="1069" spans="1:5" ht="13" customHeight="1" x14ac:dyDescent="0.35">
      <c r="A1069" s="3"/>
      <c r="C1069" s="3"/>
      <c r="D1069" s="3"/>
      <c r="E1069" s="3"/>
    </row>
    <row r="1070" spans="1:5" ht="13" customHeight="1" x14ac:dyDescent="0.35">
      <c r="A1070" s="3"/>
      <c r="C1070" s="3"/>
      <c r="D1070" s="3"/>
      <c r="E1070" s="3"/>
    </row>
    <row r="1071" spans="1:5" ht="13" customHeight="1" x14ac:dyDescent="0.35">
      <c r="A1071" s="3"/>
      <c r="C1071" s="3"/>
      <c r="D1071" s="3"/>
      <c r="E1071" s="3"/>
    </row>
    <row r="1072" spans="1:5" ht="13" customHeight="1" x14ac:dyDescent="0.35">
      <c r="A1072" s="3"/>
      <c r="C1072" s="3"/>
      <c r="D1072" s="3"/>
      <c r="E1072" s="3"/>
    </row>
    <row r="1073" spans="1:5" ht="13" customHeight="1" x14ac:dyDescent="0.35">
      <c r="A1073" s="3"/>
      <c r="C1073" s="3"/>
      <c r="D1073" s="3"/>
      <c r="E1073" s="3"/>
    </row>
    <row r="1074" spans="1:5" ht="13" customHeight="1" x14ac:dyDescent="0.35">
      <c r="A1074" s="3"/>
      <c r="C1074" s="3"/>
      <c r="D1074" s="3"/>
      <c r="E1074" s="3"/>
    </row>
    <row r="1075" spans="1:5" ht="13" customHeight="1" x14ac:dyDescent="0.35">
      <c r="A1075" s="3"/>
      <c r="C1075" s="3"/>
      <c r="D1075" s="3"/>
      <c r="E1075" s="3"/>
    </row>
    <row r="1076" spans="1:5" ht="13" customHeight="1" x14ac:dyDescent="0.35">
      <c r="A1076" s="3"/>
      <c r="C1076" s="3"/>
      <c r="D1076" s="3"/>
      <c r="E1076" s="3"/>
    </row>
    <row r="1077" spans="1:5" ht="13" customHeight="1" x14ac:dyDescent="0.35">
      <c r="A1077" s="3"/>
      <c r="C1077" s="3"/>
      <c r="D1077" s="3"/>
      <c r="E1077" s="3"/>
    </row>
    <row r="1078" spans="1:5" ht="13" customHeight="1" x14ac:dyDescent="0.35">
      <c r="A1078" s="3"/>
      <c r="C1078" s="3"/>
      <c r="D1078" s="3"/>
      <c r="E1078" s="3"/>
    </row>
    <row r="1079" spans="1:5" ht="13" customHeight="1" x14ac:dyDescent="0.35">
      <c r="A1079" s="3"/>
      <c r="C1079" s="3"/>
      <c r="D1079" s="3"/>
      <c r="E1079" s="3"/>
    </row>
    <row r="1080" spans="1:5" ht="13" customHeight="1" x14ac:dyDescent="0.35">
      <c r="A1080" s="3"/>
      <c r="C1080" s="3"/>
      <c r="D1080" s="3"/>
      <c r="E1080" s="3"/>
    </row>
    <row r="1081" spans="1:5" ht="13" customHeight="1" x14ac:dyDescent="0.35">
      <c r="A1081" s="3"/>
      <c r="C1081" s="3"/>
      <c r="D1081" s="3"/>
      <c r="E1081" s="3"/>
    </row>
    <row r="1082" spans="1:5" ht="13" customHeight="1" x14ac:dyDescent="0.35">
      <c r="A1082" s="3"/>
      <c r="C1082" s="3"/>
      <c r="D1082" s="3"/>
      <c r="E1082" s="3"/>
    </row>
    <row r="1083" spans="1:5" ht="13" customHeight="1" x14ac:dyDescent="0.35">
      <c r="A1083" s="3"/>
      <c r="C1083" s="3"/>
      <c r="D1083" s="3"/>
      <c r="E1083" s="3"/>
    </row>
    <row r="1084" spans="1:5" ht="13" customHeight="1" x14ac:dyDescent="0.35">
      <c r="A1084" s="3"/>
      <c r="C1084" s="3"/>
      <c r="D1084" s="3"/>
      <c r="E1084" s="3"/>
    </row>
    <row r="1085" spans="1:5" ht="13" customHeight="1" x14ac:dyDescent="0.35">
      <c r="A1085" s="3"/>
      <c r="C1085" s="3"/>
      <c r="D1085" s="3"/>
      <c r="E1085" s="3"/>
    </row>
    <row r="1086" spans="1:5" ht="13" customHeight="1" x14ac:dyDescent="0.35">
      <c r="A1086" s="3"/>
      <c r="C1086" s="3"/>
      <c r="D1086" s="3"/>
      <c r="E1086" s="3"/>
    </row>
    <row r="1087" spans="1:5" ht="13" customHeight="1" x14ac:dyDescent="0.35">
      <c r="A1087" s="3"/>
      <c r="C1087" s="3"/>
      <c r="D1087" s="3"/>
      <c r="E1087" s="3"/>
    </row>
    <row r="1088" spans="1:5" ht="13" customHeight="1" x14ac:dyDescent="0.35">
      <c r="A1088" s="3"/>
      <c r="C1088" s="3"/>
      <c r="D1088" s="3"/>
      <c r="E1088" s="3"/>
    </row>
    <row r="1089" spans="1:5" ht="13" customHeight="1" x14ac:dyDescent="0.35">
      <c r="A1089" s="3"/>
      <c r="C1089" s="3"/>
      <c r="D1089" s="3"/>
      <c r="E1089" s="3"/>
    </row>
    <row r="1090" spans="1:5" ht="13" customHeight="1" x14ac:dyDescent="0.35">
      <c r="A1090" s="3"/>
      <c r="C1090" s="3"/>
      <c r="D1090" s="3"/>
      <c r="E1090" s="3"/>
    </row>
    <row r="1091" spans="1:5" ht="13" customHeight="1" x14ac:dyDescent="0.35">
      <c r="A1091" s="3"/>
      <c r="C1091" s="3"/>
      <c r="D1091" s="3"/>
      <c r="E1091" s="3"/>
    </row>
    <row r="1092" spans="1:5" ht="13" customHeight="1" x14ac:dyDescent="0.35">
      <c r="A1092" s="3"/>
      <c r="C1092" s="3"/>
      <c r="D1092" s="3"/>
      <c r="E1092" s="3"/>
    </row>
    <row r="1093" spans="1:5" ht="13" customHeight="1" x14ac:dyDescent="0.35">
      <c r="A1093" s="3"/>
      <c r="C1093" s="3"/>
      <c r="D1093" s="3"/>
      <c r="E1093" s="3"/>
    </row>
    <row r="1094" spans="1:5" ht="13" customHeight="1" x14ac:dyDescent="0.35">
      <c r="A1094" s="3"/>
      <c r="C1094" s="3"/>
      <c r="D1094" s="3"/>
      <c r="E1094" s="3"/>
    </row>
    <row r="1095" spans="1:5" ht="13" customHeight="1" x14ac:dyDescent="0.35">
      <c r="A1095" s="3"/>
      <c r="C1095" s="3"/>
      <c r="D1095" s="3"/>
      <c r="E1095" s="3"/>
    </row>
    <row r="1096" spans="1:5" ht="13" customHeight="1" x14ac:dyDescent="0.35">
      <c r="A1096" s="3"/>
      <c r="C1096" s="3"/>
      <c r="D1096" s="3"/>
      <c r="E1096" s="3"/>
    </row>
    <row r="1097" spans="1:5" ht="13" customHeight="1" x14ac:dyDescent="0.35">
      <c r="A1097" s="3"/>
      <c r="C1097" s="3"/>
      <c r="D1097" s="3"/>
      <c r="E1097" s="3"/>
    </row>
    <row r="1098" spans="1:5" ht="13" customHeight="1" x14ac:dyDescent="0.35">
      <c r="A1098" s="3"/>
      <c r="C1098" s="3"/>
      <c r="D1098" s="3"/>
      <c r="E1098" s="3"/>
    </row>
    <row r="1099" spans="1:5" ht="13" customHeight="1" x14ac:dyDescent="0.35">
      <c r="A1099" s="3"/>
      <c r="C1099" s="3"/>
      <c r="D1099" s="3"/>
      <c r="E1099" s="3"/>
    </row>
    <row r="1100" spans="1:5" ht="13" customHeight="1" x14ac:dyDescent="0.35">
      <c r="A1100" s="3"/>
      <c r="C1100" s="3"/>
      <c r="D1100" s="3"/>
      <c r="E1100" s="3"/>
    </row>
    <row r="1101" spans="1:5" ht="13" customHeight="1" x14ac:dyDescent="0.35">
      <c r="A1101" s="3"/>
      <c r="C1101" s="3"/>
      <c r="D1101" s="3"/>
      <c r="E1101" s="3"/>
    </row>
    <row r="1102" spans="1:5" ht="13" customHeight="1" x14ac:dyDescent="0.35">
      <c r="A1102" s="3"/>
      <c r="C1102" s="3"/>
      <c r="D1102" s="3"/>
      <c r="E1102" s="3"/>
    </row>
    <row r="1103" spans="1:5" ht="13" customHeight="1" x14ac:dyDescent="0.35">
      <c r="A1103" s="3"/>
      <c r="C1103" s="3"/>
      <c r="D1103" s="3"/>
      <c r="E1103" s="3"/>
    </row>
    <row r="1104" spans="1:5" ht="13" customHeight="1" x14ac:dyDescent="0.35">
      <c r="A1104" s="3"/>
      <c r="C1104" s="3"/>
      <c r="D1104" s="3"/>
      <c r="E1104" s="3"/>
    </row>
    <row r="1105" spans="1:5" ht="13" customHeight="1" x14ac:dyDescent="0.35">
      <c r="A1105" s="3"/>
      <c r="C1105" s="3"/>
      <c r="D1105" s="3"/>
      <c r="E1105" s="3"/>
    </row>
    <row r="1106" spans="1:5" ht="13" customHeight="1" x14ac:dyDescent="0.35">
      <c r="A1106" s="3"/>
      <c r="C1106" s="3"/>
      <c r="D1106" s="3"/>
      <c r="E1106" s="3"/>
    </row>
    <row r="1107" spans="1:5" ht="13" customHeight="1" x14ac:dyDescent="0.35">
      <c r="A1107" s="3"/>
      <c r="C1107" s="3"/>
      <c r="D1107" s="3"/>
      <c r="E1107" s="3"/>
    </row>
    <row r="1108" spans="1:5" ht="13" customHeight="1" x14ac:dyDescent="0.35">
      <c r="A1108" s="3"/>
      <c r="C1108" s="3"/>
      <c r="D1108" s="3"/>
      <c r="E1108" s="3"/>
    </row>
    <row r="1109" spans="1:5" ht="13" customHeight="1" x14ac:dyDescent="0.35">
      <c r="A1109" s="3"/>
      <c r="C1109" s="3"/>
      <c r="D1109" s="3"/>
      <c r="E1109" s="3"/>
    </row>
    <row r="1110" spans="1:5" ht="13" customHeight="1" x14ac:dyDescent="0.35">
      <c r="A1110" s="3"/>
      <c r="C1110" s="3"/>
      <c r="D1110" s="3"/>
      <c r="E1110" s="3"/>
    </row>
    <row r="1111" spans="1:5" ht="13" customHeight="1" x14ac:dyDescent="0.35">
      <c r="A1111" s="3"/>
      <c r="C1111" s="3"/>
      <c r="D1111" s="3"/>
      <c r="E1111" s="3"/>
    </row>
    <row r="1112" spans="1:5" ht="13" customHeight="1" x14ac:dyDescent="0.35">
      <c r="A1112" s="3"/>
      <c r="C1112" s="3"/>
      <c r="D1112" s="3"/>
      <c r="E1112" s="3"/>
    </row>
    <row r="1113" spans="1:5" ht="13" customHeight="1" x14ac:dyDescent="0.35">
      <c r="A1113" s="3"/>
      <c r="C1113" s="3"/>
      <c r="D1113" s="3"/>
      <c r="E1113" s="3"/>
    </row>
    <row r="1114" spans="1:5" ht="13" customHeight="1" x14ac:dyDescent="0.35">
      <c r="A1114" s="3"/>
      <c r="C1114" s="3"/>
      <c r="D1114" s="3"/>
      <c r="E1114" s="3"/>
    </row>
    <row r="1115" spans="1:5" ht="13" customHeight="1" x14ac:dyDescent="0.35">
      <c r="A1115" s="3"/>
      <c r="C1115" s="3"/>
      <c r="D1115" s="3"/>
      <c r="E1115" s="3"/>
    </row>
    <row r="1116" spans="1:5" ht="13" customHeight="1" x14ac:dyDescent="0.35">
      <c r="A1116" s="3"/>
      <c r="C1116" s="3"/>
      <c r="D1116" s="3"/>
      <c r="E1116" s="3"/>
    </row>
    <row r="1117" spans="1:5" ht="13" customHeight="1" x14ac:dyDescent="0.35">
      <c r="A1117" s="3"/>
      <c r="C1117" s="3"/>
      <c r="D1117" s="3"/>
      <c r="E1117" s="3"/>
    </row>
    <row r="1118" spans="1:5" ht="13" customHeight="1" x14ac:dyDescent="0.35">
      <c r="A1118" s="3"/>
      <c r="C1118" s="3"/>
      <c r="D1118" s="3"/>
      <c r="E1118" s="3"/>
    </row>
    <row r="1119" spans="1:5" ht="13" customHeight="1" x14ac:dyDescent="0.35">
      <c r="A1119" s="3"/>
      <c r="C1119" s="3"/>
      <c r="D1119" s="3"/>
      <c r="E1119" s="3"/>
    </row>
    <row r="1120" spans="1:5" ht="13" customHeight="1" x14ac:dyDescent="0.35">
      <c r="A1120" s="3"/>
      <c r="C1120" s="3"/>
      <c r="D1120" s="3"/>
      <c r="E1120" s="3"/>
    </row>
    <row r="1121" spans="1:5" ht="13" customHeight="1" x14ac:dyDescent="0.35">
      <c r="A1121" s="3"/>
      <c r="C1121" s="3"/>
      <c r="D1121" s="3"/>
      <c r="E1121" s="3"/>
    </row>
    <row r="1122" spans="1:5" ht="13" customHeight="1" x14ac:dyDescent="0.35">
      <c r="A1122" s="3"/>
      <c r="C1122" s="3"/>
      <c r="D1122" s="3"/>
      <c r="E1122" s="3"/>
    </row>
    <row r="1123" spans="1:5" ht="13" customHeight="1" x14ac:dyDescent="0.35">
      <c r="A1123" s="3"/>
      <c r="C1123" s="3"/>
      <c r="D1123" s="3"/>
      <c r="E1123" s="3"/>
    </row>
    <row r="1124" spans="1:5" ht="13" customHeight="1" x14ac:dyDescent="0.35">
      <c r="A1124" s="3"/>
      <c r="C1124" s="3"/>
      <c r="D1124" s="3"/>
      <c r="E1124" s="3"/>
    </row>
    <row r="1125" spans="1:5" ht="13" customHeight="1" x14ac:dyDescent="0.35">
      <c r="A1125" s="3"/>
      <c r="C1125" s="3"/>
      <c r="D1125" s="3"/>
      <c r="E1125" s="3"/>
    </row>
    <row r="1126" spans="1:5" ht="13" customHeight="1" x14ac:dyDescent="0.35">
      <c r="A1126" s="3"/>
      <c r="C1126" s="3"/>
      <c r="D1126" s="3"/>
      <c r="E1126" s="3"/>
    </row>
    <row r="1127" spans="1:5" ht="13" customHeight="1" x14ac:dyDescent="0.35">
      <c r="A1127" s="3"/>
      <c r="C1127" s="3"/>
      <c r="D1127" s="3"/>
      <c r="E1127" s="3"/>
    </row>
    <row r="1128" spans="1:5" ht="13" customHeight="1" x14ac:dyDescent="0.35">
      <c r="A1128" s="3"/>
      <c r="C1128" s="3"/>
      <c r="D1128" s="3"/>
      <c r="E1128" s="3"/>
    </row>
    <row r="1129" spans="1:5" ht="13" customHeight="1" x14ac:dyDescent="0.35">
      <c r="A1129" s="3"/>
      <c r="C1129" s="3"/>
      <c r="D1129" s="3"/>
      <c r="E1129" s="3"/>
    </row>
    <row r="1130" spans="1:5" ht="13" customHeight="1" x14ac:dyDescent="0.35">
      <c r="A1130" s="3"/>
      <c r="C1130" s="3"/>
      <c r="D1130" s="3"/>
      <c r="E1130" s="3"/>
    </row>
    <row r="1131" spans="1:5" ht="13" customHeight="1" x14ac:dyDescent="0.35">
      <c r="A1131" s="3"/>
      <c r="C1131" s="3"/>
      <c r="D1131" s="3"/>
      <c r="E1131" s="3"/>
    </row>
    <row r="1132" spans="1:5" ht="13" customHeight="1" x14ac:dyDescent="0.35">
      <c r="A1132" s="3"/>
      <c r="C1132" s="3"/>
      <c r="D1132" s="3"/>
      <c r="E1132" s="3"/>
    </row>
    <row r="1133" spans="1:5" ht="13" customHeight="1" x14ac:dyDescent="0.35">
      <c r="A1133" s="3"/>
      <c r="C1133" s="3"/>
      <c r="D1133" s="3"/>
      <c r="E1133" s="3"/>
    </row>
    <row r="1134" spans="1:5" ht="13" customHeight="1" x14ac:dyDescent="0.35">
      <c r="A1134" s="3"/>
      <c r="C1134" s="3"/>
      <c r="D1134" s="3"/>
      <c r="E1134" s="3"/>
    </row>
    <row r="1135" spans="1:5" ht="13" customHeight="1" x14ac:dyDescent="0.35">
      <c r="A1135" s="3"/>
      <c r="C1135" s="3"/>
      <c r="D1135" s="3"/>
      <c r="E1135" s="3"/>
    </row>
    <row r="1136" spans="1:5" ht="13" customHeight="1" x14ac:dyDescent="0.35">
      <c r="A1136" s="3"/>
      <c r="C1136" s="3"/>
      <c r="D1136" s="3"/>
      <c r="E1136" s="3"/>
    </row>
    <row r="1137" spans="1:5" ht="13" customHeight="1" x14ac:dyDescent="0.35">
      <c r="A1137" s="3"/>
      <c r="C1137" s="3"/>
      <c r="D1137" s="3"/>
      <c r="E1137" s="3"/>
    </row>
    <row r="1138" spans="1:5" ht="13" customHeight="1" x14ac:dyDescent="0.35">
      <c r="A1138" s="3"/>
      <c r="C1138" s="3"/>
      <c r="D1138" s="3"/>
      <c r="E1138" s="3"/>
    </row>
    <row r="1139" spans="1:5" ht="13" customHeight="1" x14ac:dyDescent="0.35">
      <c r="A1139" s="3"/>
      <c r="C1139" s="3"/>
      <c r="D1139" s="3"/>
      <c r="E1139" s="3"/>
    </row>
    <row r="1140" spans="1:5" ht="13" customHeight="1" x14ac:dyDescent="0.35">
      <c r="A1140" s="3"/>
      <c r="C1140" s="3"/>
      <c r="D1140" s="3"/>
      <c r="E1140" s="3"/>
    </row>
    <row r="1141" spans="1:5" ht="13" customHeight="1" x14ac:dyDescent="0.35">
      <c r="A1141" s="3"/>
      <c r="C1141" s="3"/>
      <c r="D1141" s="3"/>
      <c r="E1141" s="3"/>
    </row>
    <row r="1142" spans="1:5" ht="13" customHeight="1" x14ac:dyDescent="0.35">
      <c r="A1142" s="3"/>
      <c r="C1142" s="3"/>
      <c r="D1142" s="3"/>
      <c r="E1142" s="3"/>
    </row>
    <row r="1143" spans="1:5" ht="13" customHeight="1" x14ac:dyDescent="0.35">
      <c r="A1143" s="3"/>
      <c r="C1143" s="3"/>
      <c r="D1143" s="3"/>
      <c r="E1143" s="3"/>
    </row>
    <row r="1144" spans="1:5" ht="13" customHeight="1" x14ac:dyDescent="0.35">
      <c r="A1144" s="3"/>
      <c r="C1144" s="3"/>
      <c r="D1144" s="3"/>
      <c r="E1144" s="3"/>
    </row>
    <row r="1145" spans="1:5" ht="13" customHeight="1" x14ac:dyDescent="0.35">
      <c r="A1145" s="3"/>
      <c r="C1145" s="3"/>
      <c r="D1145" s="3"/>
      <c r="E1145" s="3"/>
    </row>
    <row r="1146" spans="1:5" ht="13" customHeight="1" x14ac:dyDescent="0.35">
      <c r="A1146" s="3"/>
      <c r="C1146" s="3"/>
      <c r="D1146" s="3"/>
      <c r="E1146" s="3"/>
    </row>
    <row r="1147" spans="1:5" ht="13" customHeight="1" x14ac:dyDescent="0.35">
      <c r="A1147" s="3"/>
      <c r="C1147" s="3"/>
      <c r="D1147" s="3"/>
      <c r="E1147" s="3"/>
    </row>
    <row r="1148" spans="1:5" ht="13" customHeight="1" x14ac:dyDescent="0.35">
      <c r="A1148" s="3"/>
      <c r="C1148" s="3"/>
      <c r="D1148" s="3"/>
      <c r="E1148" s="3"/>
    </row>
    <row r="1149" spans="1:5" ht="13" customHeight="1" x14ac:dyDescent="0.35">
      <c r="A1149" s="3"/>
      <c r="C1149" s="3"/>
      <c r="D1149" s="3"/>
      <c r="E1149" s="3"/>
    </row>
    <row r="1150" spans="1:5" ht="13" customHeight="1" x14ac:dyDescent="0.35">
      <c r="A1150" s="3"/>
      <c r="C1150" s="3"/>
      <c r="D1150" s="3"/>
      <c r="E1150" s="3"/>
    </row>
    <row r="1151" spans="1:5" ht="13" customHeight="1" x14ac:dyDescent="0.35">
      <c r="A1151" s="3"/>
      <c r="C1151" s="3"/>
      <c r="D1151" s="3"/>
      <c r="E1151" s="3"/>
    </row>
    <row r="1152" spans="1:5" ht="13" customHeight="1" x14ac:dyDescent="0.35">
      <c r="A1152" s="3"/>
      <c r="C1152" s="3"/>
      <c r="D1152" s="3"/>
      <c r="E1152" s="3"/>
    </row>
    <row r="1153" spans="1:5" ht="13" customHeight="1" x14ac:dyDescent="0.35">
      <c r="A1153" s="3"/>
      <c r="C1153" s="3"/>
      <c r="D1153" s="3"/>
      <c r="E1153" s="3"/>
    </row>
    <row r="1154" spans="1:5" ht="13" customHeight="1" x14ac:dyDescent="0.35">
      <c r="A1154" s="3"/>
      <c r="C1154" s="3"/>
      <c r="D1154" s="3"/>
      <c r="E1154" s="3"/>
    </row>
    <row r="1155" spans="1:5" ht="13" customHeight="1" x14ac:dyDescent="0.35">
      <c r="A1155" s="3"/>
      <c r="C1155" s="3"/>
      <c r="D1155" s="3"/>
      <c r="E1155" s="3"/>
    </row>
    <row r="1156" spans="1:5" ht="13" customHeight="1" x14ac:dyDescent="0.35">
      <c r="A1156" s="3"/>
      <c r="C1156" s="3"/>
      <c r="D1156" s="3"/>
      <c r="E1156" s="3"/>
    </row>
    <row r="1157" spans="1:5" ht="13" customHeight="1" x14ac:dyDescent="0.35">
      <c r="A1157" s="3"/>
      <c r="C1157" s="3"/>
      <c r="D1157" s="3"/>
      <c r="E1157" s="3"/>
    </row>
    <row r="1158" spans="1:5" ht="13" customHeight="1" x14ac:dyDescent="0.35">
      <c r="A1158" s="3"/>
      <c r="C1158" s="3"/>
      <c r="D1158" s="3"/>
      <c r="E1158" s="3"/>
    </row>
    <row r="1159" spans="1:5" ht="13" customHeight="1" x14ac:dyDescent="0.35">
      <c r="A1159" s="3"/>
      <c r="C1159" s="3"/>
      <c r="D1159" s="3"/>
      <c r="E1159" s="3"/>
    </row>
    <row r="1160" spans="1:5" ht="13" customHeight="1" x14ac:dyDescent="0.35">
      <c r="A1160" s="3"/>
      <c r="C1160" s="3"/>
      <c r="D1160" s="3"/>
      <c r="E1160" s="3"/>
    </row>
    <row r="1161" spans="1:5" ht="13" customHeight="1" x14ac:dyDescent="0.35">
      <c r="A1161" s="3"/>
      <c r="C1161" s="3"/>
      <c r="D1161" s="3"/>
      <c r="E1161" s="3"/>
    </row>
    <row r="1162" spans="1:5" ht="13" customHeight="1" x14ac:dyDescent="0.35">
      <c r="A1162" s="3"/>
      <c r="C1162" s="3"/>
      <c r="D1162" s="3"/>
      <c r="E1162" s="3"/>
    </row>
    <row r="1163" spans="1:5" ht="13" customHeight="1" x14ac:dyDescent="0.35">
      <c r="A1163" s="3"/>
      <c r="C1163" s="3"/>
      <c r="D1163" s="3"/>
      <c r="E1163" s="3"/>
    </row>
    <row r="1164" spans="1:5" ht="13" customHeight="1" x14ac:dyDescent="0.35">
      <c r="A1164" s="3"/>
      <c r="C1164" s="3"/>
      <c r="D1164" s="3"/>
      <c r="E1164" s="3"/>
    </row>
    <row r="1165" spans="1:5" ht="13" customHeight="1" x14ac:dyDescent="0.35">
      <c r="A1165" s="3"/>
      <c r="C1165" s="3"/>
      <c r="D1165" s="3"/>
      <c r="E1165" s="3"/>
    </row>
    <row r="1166" spans="1:5" ht="13" customHeight="1" x14ac:dyDescent="0.35">
      <c r="A1166" s="3"/>
      <c r="C1166" s="3"/>
      <c r="D1166" s="3"/>
      <c r="E1166" s="3"/>
    </row>
    <row r="1167" spans="1:5" ht="13" customHeight="1" x14ac:dyDescent="0.35">
      <c r="A1167" s="3"/>
      <c r="C1167" s="3"/>
      <c r="D1167" s="3"/>
      <c r="E1167" s="3"/>
    </row>
    <row r="1168" spans="1:5" ht="13" customHeight="1" x14ac:dyDescent="0.35">
      <c r="A1168" s="3"/>
      <c r="C1168" s="3"/>
      <c r="D1168" s="3"/>
      <c r="E1168" s="3"/>
    </row>
    <row r="1169" spans="1:5" ht="13" customHeight="1" x14ac:dyDescent="0.35">
      <c r="A1169" s="3"/>
      <c r="C1169" s="3"/>
      <c r="D1169" s="3"/>
      <c r="E1169" s="3"/>
    </row>
    <row r="1170" spans="1:5" ht="13" customHeight="1" x14ac:dyDescent="0.35">
      <c r="A1170" s="3"/>
      <c r="C1170" s="3"/>
      <c r="D1170" s="3"/>
      <c r="E1170" s="3"/>
    </row>
    <row r="1171" spans="1:5" ht="13" customHeight="1" x14ac:dyDescent="0.35">
      <c r="A1171" s="3"/>
      <c r="C1171" s="3"/>
      <c r="D1171" s="3"/>
      <c r="E1171" s="3"/>
    </row>
    <row r="1172" spans="1:5" ht="13" customHeight="1" x14ac:dyDescent="0.35">
      <c r="A1172" s="3"/>
      <c r="C1172" s="3"/>
      <c r="D1172" s="3"/>
      <c r="E1172" s="3"/>
    </row>
    <row r="1173" spans="1:5" ht="13" customHeight="1" x14ac:dyDescent="0.35">
      <c r="A1173" s="3"/>
      <c r="C1173" s="3"/>
      <c r="D1173" s="3"/>
      <c r="E1173" s="3"/>
    </row>
    <row r="1174" spans="1:5" ht="13" customHeight="1" x14ac:dyDescent="0.35">
      <c r="A1174" s="3"/>
      <c r="C1174" s="3"/>
      <c r="D1174" s="3"/>
      <c r="E1174" s="3"/>
    </row>
    <row r="1175" spans="1:5" ht="13" customHeight="1" x14ac:dyDescent="0.35">
      <c r="A1175" s="3"/>
      <c r="C1175" s="3"/>
      <c r="D1175" s="3"/>
      <c r="E1175" s="3"/>
    </row>
    <row r="1176" spans="1:5" ht="13" customHeight="1" x14ac:dyDescent="0.35">
      <c r="A1176" s="3"/>
      <c r="C1176" s="3"/>
      <c r="D1176" s="3"/>
      <c r="E1176" s="3"/>
    </row>
    <row r="1177" spans="1:5" ht="13" customHeight="1" x14ac:dyDescent="0.35">
      <c r="A1177" s="3"/>
      <c r="C1177" s="3"/>
      <c r="D1177" s="3"/>
      <c r="E1177" s="3"/>
    </row>
    <row r="1178" spans="1:5" ht="13" customHeight="1" x14ac:dyDescent="0.35">
      <c r="A1178" s="3"/>
      <c r="C1178" s="3"/>
      <c r="D1178" s="3"/>
      <c r="E1178" s="3"/>
    </row>
    <row r="1179" spans="1:5" ht="13" customHeight="1" x14ac:dyDescent="0.35">
      <c r="A1179" s="3"/>
      <c r="C1179" s="3"/>
      <c r="D1179" s="3"/>
      <c r="E1179" s="3"/>
    </row>
    <row r="1180" spans="1:5" ht="13" customHeight="1" x14ac:dyDescent="0.35">
      <c r="A1180" s="3"/>
      <c r="C1180" s="3"/>
      <c r="D1180" s="3"/>
      <c r="E1180" s="3"/>
    </row>
    <row r="1181" spans="1:5" ht="13" customHeight="1" x14ac:dyDescent="0.35">
      <c r="A1181" s="3"/>
      <c r="C1181" s="3"/>
      <c r="D1181" s="3"/>
      <c r="E1181" s="3"/>
    </row>
    <row r="1182" spans="1:5" ht="13" customHeight="1" x14ac:dyDescent="0.35">
      <c r="A1182" s="3"/>
      <c r="C1182" s="3"/>
      <c r="D1182" s="3"/>
      <c r="E1182" s="3"/>
    </row>
    <row r="1183" spans="1:5" ht="13" customHeight="1" x14ac:dyDescent="0.35">
      <c r="A1183" s="3"/>
      <c r="C1183" s="3"/>
      <c r="D1183" s="3"/>
      <c r="E1183" s="3"/>
    </row>
    <row r="1184" spans="1:5" ht="13" customHeight="1" x14ac:dyDescent="0.35">
      <c r="A1184" s="3"/>
      <c r="C1184" s="3"/>
      <c r="D1184" s="3"/>
      <c r="E1184" s="3"/>
    </row>
    <row r="1185" spans="1:5" ht="13" customHeight="1" x14ac:dyDescent="0.35">
      <c r="A1185" s="3"/>
      <c r="C1185" s="3"/>
      <c r="D1185" s="3"/>
      <c r="E1185" s="3"/>
    </row>
    <row r="1186" spans="1:5" ht="13" customHeight="1" x14ac:dyDescent="0.35">
      <c r="A1186" s="3"/>
      <c r="C1186" s="3"/>
      <c r="D1186" s="3"/>
      <c r="E1186" s="3"/>
    </row>
    <row r="1187" spans="1:5" ht="13" customHeight="1" x14ac:dyDescent="0.35">
      <c r="A1187" s="3"/>
      <c r="C1187" s="3"/>
      <c r="D1187" s="3"/>
      <c r="E1187" s="3"/>
    </row>
    <row r="1188" spans="1:5" ht="13" customHeight="1" x14ac:dyDescent="0.35">
      <c r="A1188" s="3"/>
      <c r="C1188" s="3"/>
      <c r="D1188" s="3"/>
      <c r="E1188" s="3"/>
    </row>
    <row r="1189" spans="1:5" ht="13" customHeight="1" x14ac:dyDescent="0.35">
      <c r="A1189" s="3"/>
      <c r="C1189" s="3"/>
      <c r="D1189" s="3"/>
      <c r="E1189" s="3"/>
    </row>
    <row r="1190" spans="1:5" ht="13" customHeight="1" x14ac:dyDescent="0.35">
      <c r="A1190" s="3"/>
      <c r="C1190" s="3"/>
      <c r="D1190" s="3"/>
      <c r="E1190" s="3"/>
    </row>
    <row r="1191" spans="1:5" ht="13" customHeight="1" x14ac:dyDescent="0.35">
      <c r="A1191" s="3"/>
      <c r="C1191" s="3"/>
      <c r="D1191" s="3"/>
      <c r="E1191" s="3"/>
    </row>
    <row r="1192" spans="1:5" ht="13" customHeight="1" x14ac:dyDescent="0.35">
      <c r="A1192" s="3"/>
      <c r="C1192" s="3"/>
      <c r="D1192" s="3"/>
      <c r="E1192" s="3"/>
    </row>
    <row r="1193" spans="1:5" ht="13" customHeight="1" x14ac:dyDescent="0.35">
      <c r="A1193" s="3"/>
      <c r="C1193" s="3"/>
      <c r="D1193" s="3"/>
      <c r="E1193" s="3"/>
    </row>
    <row r="1194" spans="1:5" ht="13" customHeight="1" x14ac:dyDescent="0.35">
      <c r="A1194" s="3"/>
      <c r="C1194" s="3"/>
      <c r="D1194" s="3"/>
      <c r="E1194" s="3"/>
    </row>
    <row r="1195" spans="1:5" ht="13" customHeight="1" x14ac:dyDescent="0.35">
      <c r="A1195" s="3"/>
      <c r="C1195" s="3"/>
      <c r="D1195" s="3"/>
      <c r="E1195" s="3"/>
    </row>
    <row r="1196" spans="1:5" ht="13" customHeight="1" x14ac:dyDescent="0.35">
      <c r="A1196" s="3"/>
      <c r="C1196" s="3"/>
      <c r="D1196" s="3"/>
      <c r="E1196" s="3"/>
    </row>
    <row r="1197" spans="1:5" ht="13" customHeight="1" x14ac:dyDescent="0.35">
      <c r="A1197" s="3"/>
      <c r="C1197" s="3"/>
      <c r="D1197" s="3"/>
      <c r="E1197" s="3"/>
    </row>
    <row r="1198" spans="1:5" ht="13" customHeight="1" x14ac:dyDescent="0.35">
      <c r="A1198" s="3"/>
      <c r="C1198" s="3"/>
      <c r="D1198" s="3"/>
      <c r="E1198" s="3"/>
    </row>
    <row r="1199" spans="1:5" ht="13" customHeight="1" x14ac:dyDescent="0.35">
      <c r="A1199" s="3"/>
      <c r="C1199" s="3"/>
      <c r="D1199" s="3"/>
      <c r="E1199" s="3"/>
    </row>
    <row r="1200" spans="1:5" ht="13" customHeight="1" x14ac:dyDescent="0.35">
      <c r="A1200" s="3"/>
      <c r="C1200" s="3"/>
      <c r="D1200" s="3"/>
      <c r="E1200" s="3"/>
    </row>
    <row r="1201" spans="1:5" ht="13" customHeight="1" x14ac:dyDescent="0.35">
      <c r="A1201" s="3"/>
      <c r="C1201" s="3"/>
      <c r="D1201" s="3"/>
      <c r="E1201" s="3"/>
    </row>
    <row r="1202" spans="1:5" ht="13" customHeight="1" x14ac:dyDescent="0.35">
      <c r="A1202" s="3"/>
      <c r="C1202" s="3"/>
      <c r="D1202" s="3"/>
      <c r="E1202" s="3"/>
    </row>
    <row r="1203" spans="1:5" ht="13" customHeight="1" x14ac:dyDescent="0.35">
      <c r="A1203" s="3"/>
      <c r="C1203" s="3"/>
      <c r="D1203" s="3"/>
      <c r="E1203" s="3"/>
    </row>
    <row r="1204" spans="1:5" ht="13" customHeight="1" x14ac:dyDescent="0.35">
      <c r="A1204" s="3"/>
      <c r="C1204" s="3"/>
      <c r="D1204" s="3"/>
      <c r="E1204" s="3"/>
    </row>
    <row r="1205" spans="1:5" ht="13" customHeight="1" x14ac:dyDescent="0.35">
      <c r="A1205" s="3"/>
      <c r="C1205" s="3"/>
      <c r="D1205" s="3"/>
      <c r="E1205" s="3"/>
    </row>
    <row r="1206" spans="1:5" ht="13" customHeight="1" x14ac:dyDescent="0.35">
      <c r="A1206" s="3"/>
      <c r="C1206" s="3"/>
      <c r="D1206" s="3"/>
      <c r="E1206" s="3"/>
    </row>
    <row r="1207" spans="1:5" ht="13" customHeight="1" x14ac:dyDescent="0.35">
      <c r="A1207" s="3"/>
      <c r="C1207" s="3"/>
      <c r="D1207" s="3"/>
      <c r="E1207" s="3"/>
    </row>
    <row r="1208" spans="1:5" ht="13" customHeight="1" x14ac:dyDescent="0.35">
      <c r="A1208" s="3"/>
      <c r="C1208" s="3"/>
      <c r="D1208" s="3"/>
      <c r="E1208" s="3"/>
    </row>
    <row r="1209" spans="1:5" ht="13" customHeight="1" x14ac:dyDescent="0.35">
      <c r="A1209" s="3"/>
      <c r="C1209" s="3"/>
      <c r="D1209" s="3"/>
      <c r="E1209" s="3"/>
    </row>
    <row r="1210" spans="1:5" ht="13" customHeight="1" x14ac:dyDescent="0.35">
      <c r="A1210" s="3"/>
      <c r="C1210" s="3"/>
      <c r="D1210" s="3"/>
      <c r="E1210" s="3"/>
    </row>
    <row r="1211" spans="1:5" ht="13" customHeight="1" x14ac:dyDescent="0.35">
      <c r="A1211" s="3"/>
      <c r="C1211" s="3"/>
      <c r="D1211" s="3"/>
      <c r="E1211" s="3"/>
    </row>
    <row r="1212" spans="1:5" ht="13" customHeight="1" x14ac:dyDescent="0.35">
      <c r="A1212" s="3"/>
      <c r="C1212" s="3"/>
      <c r="D1212" s="3"/>
      <c r="E1212" s="3"/>
    </row>
    <row r="1213" spans="1:5" ht="13" customHeight="1" x14ac:dyDescent="0.35">
      <c r="A1213" s="3"/>
      <c r="C1213" s="3"/>
      <c r="D1213" s="3"/>
      <c r="E1213" s="3"/>
    </row>
    <row r="1214" spans="1:5" ht="13" customHeight="1" x14ac:dyDescent="0.35">
      <c r="A1214" s="3"/>
      <c r="C1214" s="3"/>
      <c r="D1214" s="3"/>
      <c r="E1214" s="3"/>
    </row>
    <row r="1215" spans="1:5" ht="13" customHeight="1" x14ac:dyDescent="0.35">
      <c r="A1215" s="3"/>
      <c r="C1215" s="3"/>
      <c r="D1215" s="3"/>
      <c r="E1215" s="3"/>
    </row>
    <row r="1216" spans="1:5" ht="13" customHeight="1" x14ac:dyDescent="0.35">
      <c r="A1216" s="3"/>
      <c r="C1216" s="3"/>
      <c r="D1216" s="3"/>
      <c r="E1216" s="3"/>
    </row>
    <row r="1217" spans="1:5" ht="13" customHeight="1" x14ac:dyDescent="0.35">
      <c r="A1217" s="3"/>
      <c r="C1217" s="3"/>
      <c r="D1217" s="3"/>
      <c r="E1217" s="3"/>
    </row>
    <row r="1218" spans="1:5" ht="13" customHeight="1" x14ac:dyDescent="0.35">
      <c r="A1218" s="3"/>
      <c r="C1218" s="3"/>
      <c r="D1218" s="3"/>
      <c r="E1218" s="3"/>
    </row>
    <row r="1219" spans="1:5" ht="13" customHeight="1" x14ac:dyDescent="0.35">
      <c r="A1219" s="3"/>
      <c r="C1219" s="3"/>
      <c r="D1219" s="3"/>
      <c r="E1219" s="3"/>
    </row>
    <row r="1220" spans="1:5" ht="13" customHeight="1" x14ac:dyDescent="0.35">
      <c r="A1220" s="3"/>
      <c r="C1220" s="3"/>
      <c r="D1220" s="3"/>
      <c r="E1220" s="3"/>
    </row>
    <row r="1221" spans="1:5" ht="13" customHeight="1" x14ac:dyDescent="0.35">
      <c r="A1221" s="3"/>
      <c r="C1221" s="3"/>
      <c r="D1221" s="3"/>
      <c r="E1221" s="3"/>
    </row>
    <row r="1222" spans="1:5" ht="13" customHeight="1" x14ac:dyDescent="0.35">
      <c r="A1222" s="3"/>
      <c r="C1222" s="3"/>
      <c r="D1222" s="3"/>
      <c r="E1222" s="3"/>
    </row>
    <row r="1223" spans="1:5" ht="13" customHeight="1" x14ac:dyDescent="0.35">
      <c r="A1223" s="3"/>
      <c r="C1223" s="3"/>
      <c r="D1223" s="3"/>
      <c r="E1223" s="3"/>
    </row>
    <row r="1224" spans="1:5" ht="13" customHeight="1" x14ac:dyDescent="0.35">
      <c r="A1224" s="3"/>
      <c r="C1224" s="3"/>
      <c r="D1224" s="3"/>
      <c r="E1224" s="3"/>
    </row>
    <row r="1225" spans="1:5" ht="13" customHeight="1" x14ac:dyDescent="0.35">
      <c r="A1225" s="3"/>
      <c r="C1225" s="3"/>
      <c r="D1225" s="3"/>
      <c r="E1225" s="3"/>
    </row>
    <row r="1226" spans="1:5" ht="13" customHeight="1" x14ac:dyDescent="0.35">
      <c r="A1226" s="3"/>
      <c r="C1226" s="3"/>
      <c r="D1226" s="3"/>
      <c r="E1226" s="3"/>
    </row>
    <row r="1227" spans="1:5" ht="13" customHeight="1" x14ac:dyDescent="0.35">
      <c r="A1227" s="3"/>
      <c r="C1227" s="3"/>
      <c r="D1227" s="3"/>
      <c r="E1227" s="3"/>
    </row>
    <row r="1228" spans="1:5" ht="13" customHeight="1" x14ac:dyDescent="0.35">
      <c r="A1228" s="3"/>
      <c r="C1228" s="3"/>
      <c r="D1228" s="3"/>
      <c r="E1228" s="3"/>
    </row>
    <row r="1229" spans="1:5" ht="13" customHeight="1" x14ac:dyDescent="0.35">
      <c r="A1229" s="3"/>
      <c r="C1229" s="3"/>
      <c r="D1229" s="3"/>
      <c r="E1229" s="3"/>
    </row>
    <row r="1230" spans="1:5" ht="13" customHeight="1" x14ac:dyDescent="0.35">
      <c r="A1230" s="3"/>
      <c r="C1230" s="3"/>
      <c r="D1230" s="3"/>
      <c r="E1230" s="3"/>
    </row>
    <row r="1231" spans="1:5" ht="13" customHeight="1" x14ac:dyDescent="0.35">
      <c r="A1231" s="3"/>
      <c r="C1231" s="3"/>
      <c r="D1231" s="3"/>
      <c r="E1231" s="3"/>
    </row>
    <row r="1232" spans="1:5" ht="13" customHeight="1" x14ac:dyDescent="0.35">
      <c r="A1232" s="3"/>
      <c r="C1232" s="3"/>
      <c r="D1232" s="3"/>
      <c r="E1232" s="3"/>
    </row>
    <row r="1233" spans="1:5" ht="13" customHeight="1" x14ac:dyDescent="0.35">
      <c r="A1233" s="3"/>
      <c r="C1233" s="3"/>
      <c r="D1233" s="3"/>
      <c r="E1233" s="3"/>
    </row>
    <row r="1234" spans="1:5" ht="13" customHeight="1" x14ac:dyDescent="0.35">
      <c r="A1234" s="3"/>
      <c r="C1234" s="3"/>
      <c r="D1234" s="3"/>
      <c r="E1234" s="3"/>
    </row>
    <row r="1235" spans="1:5" ht="13" customHeight="1" x14ac:dyDescent="0.35">
      <c r="A1235" s="3"/>
      <c r="C1235" s="3"/>
      <c r="D1235" s="3"/>
      <c r="E1235" s="3"/>
    </row>
    <row r="1236" spans="1:5" ht="13" customHeight="1" x14ac:dyDescent="0.35">
      <c r="A1236" s="3"/>
      <c r="C1236" s="3"/>
      <c r="D1236" s="3"/>
      <c r="E1236" s="3"/>
    </row>
    <row r="1237" spans="1:5" ht="13" customHeight="1" x14ac:dyDescent="0.35">
      <c r="A1237" s="3"/>
      <c r="C1237" s="3"/>
      <c r="D1237" s="3"/>
      <c r="E1237" s="3"/>
    </row>
    <row r="1238" spans="1:5" ht="13" customHeight="1" x14ac:dyDescent="0.35">
      <c r="A1238" s="3"/>
      <c r="C1238" s="3"/>
      <c r="D1238" s="3"/>
      <c r="E1238" s="3"/>
    </row>
    <row r="1239" spans="1:5" ht="13" customHeight="1" x14ac:dyDescent="0.35">
      <c r="A1239" s="3"/>
      <c r="C1239" s="3"/>
      <c r="D1239" s="3"/>
      <c r="E1239" s="3"/>
    </row>
    <row r="1240" spans="1:5" ht="13" customHeight="1" x14ac:dyDescent="0.35">
      <c r="A1240" s="3"/>
      <c r="C1240" s="3"/>
      <c r="D1240" s="3"/>
      <c r="E1240" s="3"/>
    </row>
    <row r="1241" spans="1:5" ht="13" customHeight="1" x14ac:dyDescent="0.35">
      <c r="A1241" s="3"/>
      <c r="C1241" s="3"/>
      <c r="D1241" s="3"/>
      <c r="E1241" s="3"/>
    </row>
    <row r="1242" spans="1:5" ht="13" customHeight="1" x14ac:dyDescent="0.35">
      <c r="A1242" s="3"/>
      <c r="C1242" s="3"/>
      <c r="D1242" s="3"/>
      <c r="E1242" s="3"/>
    </row>
    <row r="1243" spans="1:5" ht="13" customHeight="1" x14ac:dyDescent="0.35">
      <c r="A1243" s="3"/>
      <c r="C1243" s="3"/>
      <c r="D1243" s="3"/>
      <c r="E1243" s="3"/>
    </row>
    <row r="1244" spans="1:5" ht="13" customHeight="1" x14ac:dyDescent="0.35">
      <c r="A1244" s="3"/>
      <c r="C1244" s="3"/>
      <c r="D1244" s="3"/>
      <c r="E1244" s="3"/>
    </row>
    <row r="1245" spans="1:5" ht="13" customHeight="1" x14ac:dyDescent="0.35">
      <c r="A1245" s="3"/>
      <c r="C1245" s="3"/>
      <c r="D1245" s="3"/>
      <c r="E1245" s="3"/>
    </row>
    <row r="1246" spans="1:5" ht="13" customHeight="1" x14ac:dyDescent="0.35">
      <c r="A1246" s="3"/>
      <c r="C1246" s="3"/>
      <c r="D1246" s="3"/>
      <c r="E1246" s="3"/>
    </row>
    <row r="1247" spans="1:5" ht="13" customHeight="1" x14ac:dyDescent="0.35">
      <c r="A1247" s="3"/>
      <c r="C1247" s="3"/>
      <c r="D1247" s="3"/>
      <c r="E1247" s="3"/>
    </row>
    <row r="1248" spans="1:5" ht="13" customHeight="1" x14ac:dyDescent="0.35">
      <c r="A1248" s="3"/>
      <c r="C1248" s="3"/>
      <c r="D1248" s="3"/>
      <c r="E1248" s="3"/>
    </row>
    <row r="1249" spans="1:5" ht="13" customHeight="1" x14ac:dyDescent="0.35">
      <c r="A1249" s="3"/>
      <c r="C1249" s="3"/>
      <c r="D1249" s="3"/>
      <c r="E1249" s="3"/>
    </row>
    <row r="1250" spans="1:5" ht="13" customHeight="1" x14ac:dyDescent="0.35">
      <c r="A1250" s="3"/>
      <c r="C1250" s="3"/>
      <c r="D1250" s="3"/>
      <c r="E1250" s="3"/>
    </row>
    <row r="1251" spans="1:5" ht="13" customHeight="1" x14ac:dyDescent="0.35">
      <c r="A1251" s="3"/>
      <c r="C1251" s="3"/>
      <c r="D1251" s="3"/>
      <c r="E1251" s="3"/>
    </row>
    <row r="1252" spans="1:5" ht="13" customHeight="1" x14ac:dyDescent="0.35">
      <c r="A1252" s="3"/>
      <c r="C1252" s="3"/>
      <c r="D1252" s="3"/>
      <c r="E1252" s="3"/>
    </row>
    <row r="1253" spans="1:5" ht="13" customHeight="1" x14ac:dyDescent="0.35">
      <c r="A1253" s="3"/>
      <c r="C1253" s="3"/>
      <c r="D1253" s="3"/>
      <c r="E1253" s="3"/>
    </row>
    <row r="1254" spans="1:5" ht="13" customHeight="1" x14ac:dyDescent="0.35">
      <c r="A1254" s="3"/>
      <c r="C1254" s="3"/>
      <c r="D1254" s="3"/>
      <c r="E1254" s="3"/>
    </row>
    <row r="1255" spans="1:5" ht="13" customHeight="1" x14ac:dyDescent="0.35">
      <c r="A1255" s="3"/>
      <c r="C1255" s="3"/>
      <c r="D1255" s="3"/>
      <c r="E1255" s="3"/>
    </row>
    <row r="1256" spans="1:5" ht="13" customHeight="1" x14ac:dyDescent="0.35">
      <c r="A1256" s="3"/>
      <c r="C1256" s="3"/>
      <c r="D1256" s="3"/>
      <c r="E1256" s="3"/>
    </row>
    <row r="1257" spans="1:5" ht="13" customHeight="1" x14ac:dyDescent="0.35">
      <c r="A1257" s="3"/>
      <c r="C1257" s="3"/>
      <c r="D1257" s="3"/>
      <c r="E1257" s="3"/>
    </row>
    <row r="1258" spans="1:5" ht="13" customHeight="1" x14ac:dyDescent="0.35">
      <c r="A1258" s="3"/>
      <c r="C1258" s="3"/>
      <c r="D1258" s="3"/>
      <c r="E1258" s="3"/>
    </row>
    <row r="1259" spans="1:5" ht="13" customHeight="1" x14ac:dyDescent="0.35">
      <c r="A1259" s="3"/>
      <c r="C1259" s="3"/>
      <c r="D1259" s="3"/>
      <c r="E1259" s="3"/>
    </row>
    <row r="1260" spans="1:5" ht="13" customHeight="1" x14ac:dyDescent="0.35">
      <c r="A1260" s="3"/>
      <c r="C1260" s="3"/>
      <c r="D1260" s="3"/>
      <c r="E1260" s="3"/>
    </row>
    <row r="1261" spans="1:5" ht="13" customHeight="1" x14ac:dyDescent="0.35">
      <c r="A1261" s="3"/>
      <c r="C1261" s="3"/>
      <c r="D1261" s="3"/>
      <c r="E1261" s="3"/>
    </row>
    <row r="1262" spans="1:5" ht="13" customHeight="1" x14ac:dyDescent="0.35">
      <c r="A1262" s="3"/>
      <c r="C1262" s="3"/>
      <c r="D1262" s="3"/>
      <c r="E1262" s="3"/>
    </row>
    <row r="1263" spans="1:5" ht="13" customHeight="1" x14ac:dyDescent="0.35">
      <c r="A1263" s="3"/>
      <c r="C1263" s="3"/>
      <c r="D1263" s="3"/>
      <c r="E1263" s="3"/>
    </row>
    <row r="1264" spans="1:5" ht="13" customHeight="1" x14ac:dyDescent="0.35">
      <c r="A1264" s="3"/>
      <c r="C1264" s="3"/>
      <c r="D1264" s="3"/>
      <c r="E1264" s="3"/>
    </row>
    <row r="1265" spans="1:5" ht="13" customHeight="1" x14ac:dyDescent="0.35">
      <c r="A1265" s="3"/>
      <c r="C1265" s="3"/>
      <c r="D1265" s="3"/>
      <c r="E1265" s="3"/>
    </row>
    <row r="1266" spans="1:5" ht="13" customHeight="1" x14ac:dyDescent="0.35">
      <c r="A1266" s="3"/>
      <c r="C1266" s="3"/>
      <c r="D1266" s="3"/>
      <c r="E1266" s="3"/>
    </row>
    <row r="1267" spans="1:5" ht="13" customHeight="1" x14ac:dyDescent="0.35">
      <c r="A1267" s="3"/>
      <c r="C1267" s="3"/>
      <c r="D1267" s="3"/>
      <c r="E1267" s="3"/>
    </row>
    <row r="1268" spans="1:5" ht="13" customHeight="1" x14ac:dyDescent="0.35">
      <c r="A1268" s="3"/>
      <c r="C1268" s="3"/>
      <c r="D1268" s="3"/>
      <c r="E1268" s="3"/>
    </row>
    <row r="1269" spans="1:5" ht="13" customHeight="1" x14ac:dyDescent="0.35">
      <c r="A1269" s="3"/>
      <c r="C1269" s="3"/>
      <c r="D1269" s="3"/>
      <c r="E1269" s="3"/>
    </row>
    <row r="1270" spans="1:5" ht="13" customHeight="1" x14ac:dyDescent="0.35">
      <c r="A1270" s="3"/>
      <c r="C1270" s="3"/>
      <c r="D1270" s="3"/>
      <c r="E1270" s="3"/>
    </row>
    <row r="1271" spans="1:5" ht="13" customHeight="1" x14ac:dyDescent="0.35">
      <c r="A1271" s="3"/>
      <c r="C1271" s="3"/>
      <c r="D1271" s="3"/>
      <c r="E1271" s="3"/>
    </row>
    <row r="1272" spans="1:5" ht="13" customHeight="1" x14ac:dyDescent="0.35">
      <c r="A1272" s="3"/>
      <c r="C1272" s="3"/>
      <c r="D1272" s="3"/>
      <c r="E1272" s="3"/>
    </row>
    <row r="1273" spans="1:5" ht="13" customHeight="1" x14ac:dyDescent="0.35">
      <c r="A1273" s="3"/>
      <c r="C1273" s="3"/>
      <c r="D1273" s="3"/>
      <c r="E1273" s="3"/>
    </row>
    <row r="1274" spans="1:5" ht="13" customHeight="1" x14ac:dyDescent="0.35">
      <c r="A1274" s="3"/>
      <c r="C1274" s="3"/>
      <c r="D1274" s="3"/>
      <c r="E1274" s="3"/>
    </row>
    <row r="1275" spans="1:5" ht="13" customHeight="1" x14ac:dyDescent="0.35">
      <c r="A1275" s="3"/>
      <c r="C1275" s="3"/>
      <c r="D1275" s="3"/>
      <c r="E1275" s="3"/>
    </row>
    <row r="1276" spans="1:5" ht="13" customHeight="1" x14ac:dyDescent="0.35">
      <c r="A1276" s="3"/>
      <c r="C1276" s="3"/>
      <c r="D1276" s="3"/>
      <c r="E1276" s="3"/>
    </row>
    <row r="1277" spans="1:5" ht="13" customHeight="1" x14ac:dyDescent="0.35">
      <c r="A1277" s="3"/>
      <c r="C1277" s="3"/>
      <c r="D1277" s="3"/>
      <c r="E1277" s="3"/>
    </row>
    <row r="1278" spans="1:5" ht="13" customHeight="1" x14ac:dyDescent="0.35">
      <c r="A1278" s="3"/>
      <c r="C1278" s="3"/>
      <c r="D1278" s="3"/>
      <c r="E1278" s="3"/>
    </row>
    <row r="1279" spans="1:5" ht="13" customHeight="1" x14ac:dyDescent="0.35">
      <c r="A1279" s="3"/>
      <c r="C1279" s="3"/>
      <c r="D1279" s="3"/>
      <c r="E1279" s="3"/>
    </row>
    <row r="1280" spans="1:5" ht="13" customHeight="1" x14ac:dyDescent="0.35">
      <c r="A1280" s="3"/>
      <c r="C1280" s="3"/>
      <c r="D1280" s="3"/>
      <c r="E1280" s="3"/>
    </row>
    <row r="1281" spans="1:5" ht="13" customHeight="1" x14ac:dyDescent="0.35">
      <c r="A1281" s="3"/>
      <c r="C1281" s="3"/>
      <c r="D1281" s="3"/>
      <c r="E1281" s="3"/>
    </row>
    <row r="1282" spans="1:5" ht="13" customHeight="1" x14ac:dyDescent="0.35">
      <c r="A1282" s="3"/>
      <c r="C1282" s="3"/>
      <c r="D1282" s="3"/>
      <c r="E1282" s="3"/>
    </row>
    <row r="1283" spans="1:5" ht="13" customHeight="1" x14ac:dyDescent="0.35">
      <c r="A1283" s="3"/>
      <c r="C1283" s="3"/>
      <c r="D1283" s="3"/>
      <c r="E1283" s="3"/>
    </row>
    <row r="1284" spans="1:5" ht="13" customHeight="1" x14ac:dyDescent="0.35">
      <c r="A1284" s="3"/>
      <c r="C1284" s="3"/>
      <c r="D1284" s="3"/>
      <c r="E1284" s="3"/>
    </row>
    <row r="1285" spans="1:5" ht="13" customHeight="1" x14ac:dyDescent="0.35">
      <c r="A1285" s="3"/>
      <c r="C1285" s="3"/>
      <c r="D1285" s="3"/>
      <c r="E1285" s="3"/>
    </row>
    <row r="1286" spans="1:5" ht="13" customHeight="1" x14ac:dyDescent="0.35">
      <c r="A1286" s="3"/>
      <c r="C1286" s="3"/>
      <c r="D1286" s="3"/>
      <c r="E1286" s="3"/>
    </row>
    <row r="1287" spans="1:5" ht="13" customHeight="1" x14ac:dyDescent="0.35">
      <c r="A1287" s="3"/>
      <c r="C1287" s="3"/>
      <c r="D1287" s="3"/>
      <c r="E1287" s="3"/>
    </row>
    <row r="1288" spans="1:5" ht="13" customHeight="1" x14ac:dyDescent="0.35">
      <c r="A1288" s="3"/>
      <c r="C1288" s="3"/>
      <c r="D1288" s="3"/>
      <c r="E1288" s="3"/>
    </row>
    <row r="1289" spans="1:5" ht="13" customHeight="1" x14ac:dyDescent="0.35">
      <c r="A1289" s="3"/>
      <c r="C1289" s="3"/>
      <c r="D1289" s="3"/>
      <c r="E1289" s="3"/>
    </row>
    <row r="1290" spans="1:5" ht="13" customHeight="1" x14ac:dyDescent="0.35">
      <c r="A1290" s="3"/>
      <c r="C1290" s="3"/>
      <c r="D1290" s="3"/>
      <c r="E1290" s="3"/>
    </row>
    <row r="1291" spans="1:5" ht="13" customHeight="1" x14ac:dyDescent="0.35">
      <c r="A1291" s="3"/>
      <c r="C1291" s="3"/>
      <c r="D1291" s="3"/>
      <c r="E1291" s="3"/>
    </row>
    <row r="1292" spans="1:5" ht="13" customHeight="1" x14ac:dyDescent="0.35">
      <c r="A1292" s="3"/>
      <c r="C1292" s="3"/>
      <c r="D1292" s="3"/>
      <c r="E1292" s="3"/>
    </row>
    <row r="1293" spans="1:5" ht="13" customHeight="1" x14ac:dyDescent="0.35">
      <c r="A1293" s="3"/>
      <c r="C1293" s="3"/>
      <c r="D1293" s="3"/>
      <c r="E1293" s="3"/>
    </row>
    <row r="1294" spans="1:5" ht="13" customHeight="1" x14ac:dyDescent="0.35">
      <c r="A1294" s="3"/>
      <c r="C1294" s="3"/>
      <c r="D1294" s="3"/>
      <c r="E1294" s="3"/>
    </row>
    <row r="1295" spans="1:5" ht="13" customHeight="1" x14ac:dyDescent="0.35">
      <c r="A1295" s="3"/>
      <c r="C1295" s="3"/>
      <c r="D1295" s="3"/>
      <c r="E1295" s="3"/>
    </row>
    <row r="1296" spans="1:5" ht="13" customHeight="1" x14ac:dyDescent="0.35">
      <c r="A1296" s="3"/>
      <c r="C1296" s="3"/>
      <c r="D1296" s="3"/>
      <c r="E1296" s="3"/>
    </row>
    <row r="1297" spans="1:5" ht="13" customHeight="1" x14ac:dyDescent="0.35">
      <c r="A1297" s="3"/>
      <c r="C1297" s="3"/>
      <c r="D1297" s="3"/>
      <c r="E1297" s="3"/>
    </row>
    <row r="1298" spans="1:5" ht="13" customHeight="1" x14ac:dyDescent="0.35">
      <c r="A1298" s="3"/>
      <c r="C1298" s="3"/>
      <c r="D1298" s="3"/>
      <c r="E1298" s="3"/>
    </row>
    <row r="1299" spans="1:5" ht="13" customHeight="1" x14ac:dyDescent="0.35">
      <c r="A1299" s="3"/>
      <c r="C1299" s="3"/>
      <c r="D1299" s="3"/>
      <c r="E1299" s="3"/>
    </row>
    <row r="1300" spans="1:5" ht="13" customHeight="1" x14ac:dyDescent="0.35">
      <c r="A1300" s="3"/>
      <c r="C1300" s="3"/>
      <c r="D1300" s="3"/>
      <c r="E1300" s="3"/>
    </row>
    <row r="1301" spans="1:5" ht="13" customHeight="1" x14ac:dyDescent="0.35">
      <c r="A1301" s="3"/>
      <c r="C1301" s="3"/>
      <c r="D1301" s="3"/>
      <c r="E1301" s="3"/>
    </row>
    <row r="1302" spans="1:5" ht="13" customHeight="1" x14ac:dyDescent="0.35">
      <c r="A1302" s="3"/>
      <c r="C1302" s="3"/>
      <c r="D1302" s="3"/>
      <c r="E1302" s="3"/>
    </row>
    <row r="1303" spans="1:5" ht="13" customHeight="1" x14ac:dyDescent="0.35">
      <c r="A1303" s="3"/>
      <c r="C1303" s="3"/>
      <c r="D1303" s="3"/>
      <c r="E1303" s="3"/>
    </row>
    <row r="1304" spans="1:5" ht="13" customHeight="1" x14ac:dyDescent="0.35">
      <c r="A1304" s="3"/>
      <c r="C1304" s="3"/>
      <c r="D1304" s="3"/>
      <c r="E1304" s="3"/>
    </row>
    <row r="1305" spans="1:5" ht="13" customHeight="1" x14ac:dyDescent="0.35">
      <c r="A1305" s="3"/>
      <c r="C1305" s="3"/>
      <c r="D1305" s="3"/>
      <c r="E1305" s="3"/>
    </row>
    <row r="1306" spans="1:5" ht="13" customHeight="1" x14ac:dyDescent="0.35">
      <c r="A1306" s="3"/>
      <c r="C1306" s="3"/>
      <c r="D1306" s="3"/>
      <c r="E1306" s="3"/>
    </row>
    <row r="1307" spans="1:5" ht="13" customHeight="1" x14ac:dyDescent="0.35">
      <c r="A1307" s="3"/>
      <c r="C1307" s="3"/>
      <c r="D1307" s="3"/>
      <c r="E1307" s="3"/>
    </row>
    <row r="1308" spans="1:5" ht="13" customHeight="1" x14ac:dyDescent="0.35">
      <c r="A1308" s="3"/>
      <c r="C1308" s="3"/>
      <c r="D1308" s="3"/>
      <c r="E1308" s="3"/>
    </row>
    <row r="1309" spans="1:5" ht="13" customHeight="1" x14ac:dyDescent="0.35">
      <c r="A1309" s="3"/>
      <c r="C1309" s="3"/>
      <c r="D1309" s="3"/>
      <c r="E1309" s="3"/>
    </row>
    <row r="1310" spans="1:5" ht="13" customHeight="1" x14ac:dyDescent="0.35">
      <c r="A1310" s="3"/>
      <c r="C1310" s="3"/>
      <c r="D1310" s="3"/>
      <c r="E1310" s="3"/>
    </row>
    <row r="1311" spans="1:5" ht="13" customHeight="1" x14ac:dyDescent="0.35">
      <c r="A1311" s="3"/>
      <c r="C1311" s="3"/>
      <c r="D1311" s="3"/>
      <c r="E1311" s="3"/>
    </row>
    <row r="1312" spans="1:5" ht="13" customHeight="1" x14ac:dyDescent="0.35">
      <c r="A1312" s="3"/>
      <c r="C1312" s="3"/>
      <c r="D1312" s="3"/>
      <c r="E1312" s="3"/>
    </row>
    <row r="1313" spans="1:5" ht="13" customHeight="1" x14ac:dyDescent="0.35">
      <c r="A1313" s="3"/>
      <c r="C1313" s="3"/>
      <c r="D1313" s="3"/>
      <c r="E1313" s="3"/>
    </row>
    <row r="1314" spans="1:5" ht="13" customHeight="1" x14ac:dyDescent="0.35">
      <c r="A1314" s="3"/>
      <c r="C1314" s="3"/>
      <c r="D1314" s="3"/>
      <c r="E1314" s="3"/>
    </row>
    <row r="1315" spans="1:5" ht="13" customHeight="1" x14ac:dyDescent="0.35">
      <c r="A1315" s="3"/>
      <c r="C1315" s="3"/>
      <c r="D1315" s="3"/>
      <c r="E1315" s="3"/>
    </row>
    <row r="1316" spans="1:5" ht="13" customHeight="1" x14ac:dyDescent="0.35">
      <c r="A1316" s="3"/>
      <c r="C1316" s="3"/>
      <c r="D1316" s="3"/>
      <c r="E1316" s="3"/>
    </row>
    <row r="1317" spans="1:5" ht="13" customHeight="1" x14ac:dyDescent="0.35">
      <c r="A1317" s="3"/>
      <c r="C1317" s="3"/>
      <c r="D1317" s="3"/>
      <c r="E1317" s="3"/>
    </row>
    <row r="1318" spans="1:5" ht="13" customHeight="1" x14ac:dyDescent="0.35">
      <c r="A1318" s="3"/>
      <c r="C1318" s="3"/>
      <c r="D1318" s="3"/>
      <c r="E1318" s="3"/>
    </row>
    <row r="1319" spans="1:5" ht="13" customHeight="1" x14ac:dyDescent="0.35">
      <c r="A1319" s="3"/>
      <c r="C1319" s="3"/>
      <c r="D1319" s="3"/>
      <c r="E1319" s="3"/>
    </row>
    <row r="1320" spans="1:5" ht="13" customHeight="1" x14ac:dyDescent="0.35">
      <c r="A1320" s="3"/>
      <c r="C1320" s="3"/>
      <c r="D1320" s="3"/>
      <c r="E1320" s="3"/>
    </row>
    <row r="1321" spans="1:5" ht="13" customHeight="1" x14ac:dyDescent="0.35">
      <c r="A1321" s="3"/>
      <c r="C1321" s="3"/>
      <c r="D1321" s="3"/>
      <c r="E1321" s="3"/>
    </row>
    <row r="1322" spans="1:5" ht="13" customHeight="1" x14ac:dyDescent="0.35">
      <c r="A1322" s="3"/>
      <c r="C1322" s="3"/>
      <c r="D1322" s="3"/>
      <c r="E1322" s="3"/>
    </row>
    <row r="1323" spans="1:5" ht="13" customHeight="1" x14ac:dyDescent="0.35">
      <c r="A1323" s="3"/>
      <c r="C1323" s="3"/>
      <c r="D1323" s="3"/>
      <c r="E1323" s="3"/>
    </row>
    <row r="1324" spans="1:5" ht="13" customHeight="1" x14ac:dyDescent="0.35">
      <c r="A1324" s="3"/>
      <c r="C1324" s="3"/>
      <c r="D1324" s="3"/>
      <c r="E1324" s="3"/>
    </row>
    <row r="1325" spans="1:5" ht="13" customHeight="1" x14ac:dyDescent="0.35">
      <c r="A1325" s="3"/>
      <c r="C1325" s="3"/>
      <c r="D1325" s="3"/>
      <c r="E1325" s="3"/>
    </row>
    <row r="1326" spans="1:5" ht="13" customHeight="1" x14ac:dyDescent="0.35">
      <c r="A1326" s="3"/>
      <c r="C1326" s="3"/>
      <c r="D1326" s="3"/>
      <c r="E1326" s="3"/>
    </row>
    <row r="1327" spans="1:5" ht="13" customHeight="1" x14ac:dyDescent="0.35">
      <c r="A1327" s="3"/>
      <c r="C1327" s="3"/>
      <c r="D1327" s="3"/>
      <c r="E1327" s="3"/>
    </row>
    <row r="1328" spans="1:5" ht="13" customHeight="1" x14ac:dyDescent="0.35">
      <c r="A1328" s="3"/>
      <c r="C1328" s="3"/>
      <c r="D1328" s="3"/>
      <c r="E1328" s="3"/>
    </row>
    <row r="1329" spans="1:5" ht="13" customHeight="1" x14ac:dyDescent="0.35">
      <c r="A1329" s="3"/>
      <c r="C1329" s="3"/>
      <c r="D1329" s="3"/>
      <c r="E1329" s="3"/>
    </row>
    <row r="1330" spans="1:5" ht="13" customHeight="1" x14ac:dyDescent="0.35">
      <c r="A1330" s="3"/>
      <c r="C1330" s="3"/>
      <c r="D1330" s="3"/>
      <c r="E1330" s="3"/>
    </row>
    <row r="1331" spans="1:5" ht="13" customHeight="1" x14ac:dyDescent="0.35">
      <c r="A1331" s="3"/>
      <c r="C1331" s="3"/>
      <c r="D1331" s="3"/>
      <c r="E1331" s="3"/>
    </row>
    <row r="1332" spans="1:5" ht="13" customHeight="1" x14ac:dyDescent="0.35">
      <c r="A1332" s="3"/>
      <c r="C1332" s="3"/>
      <c r="D1332" s="3"/>
      <c r="E1332" s="3"/>
    </row>
    <row r="1333" spans="1:5" ht="13" customHeight="1" x14ac:dyDescent="0.35">
      <c r="A1333" s="3"/>
      <c r="C1333" s="3"/>
      <c r="D1333" s="3"/>
      <c r="E1333" s="3"/>
    </row>
    <row r="1334" spans="1:5" ht="13" customHeight="1" x14ac:dyDescent="0.35">
      <c r="A1334" s="3"/>
      <c r="C1334" s="3"/>
      <c r="D1334" s="3"/>
      <c r="E1334" s="3"/>
    </row>
    <row r="1335" spans="1:5" ht="13" customHeight="1" x14ac:dyDescent="0.35">
      <c r="A1335" s="3"/>
      <c r="C1335" s="3"/>
      <c r="D1335" s="3"/>
      <c r="E1335" s="3"/>
    </row>
    <row r="1336" spans="1:5" ht="13" customHeight="1" x14ac:dyDescent="0.35">
      <c r="A1336" s="3"/>
      <c r="C1336" s="3"/>
      <c r="D1336" s="3"/>
      <c r="E1336" s="3"/>
    </row>
    <row r="1337" spans="1:5" ht="13" customHeight="1" x14ac:dyDescent="0.35">
      <c r="A1337" s="3"/>
      <c r="C1337" s="3"/>
      <c r="D1337" s="3"/>
      <c r="E1337" s="3"/>
    </row>
    <row r="1338" spans="1:5" ht="13" customHeight="1" x14ac:dyDescent="0.35">
      <c r="A1338" s="3"/>
      <c r="C1338" s="3"/>
      <c r="D1338" s="3"/>
      <c r="E1338" s="3"/>
    </row>
    <row r="1339" spans="1:5" ht="13" customHeight="1" x14ac:dyDescent="0.35">
      <c r="A1339" s="3"/>
      <c r="C1339" s="3"/>
      <c r="D1339" s="3"/>
      <c r="E1339" s="3"/>
    </row>
    <row r="1340" spans="1:5" ht="13" customHeight="1" x14ac:dyDescent="0.35">
      <c r="A1340" s="3"/>
      <c r="C1340" s="3"/>
      <c r="D1340" s="3"/>
      <c r="E1340" s="3"/>
    </row>
    <row r="1341" spans="1:5" ht="13" customHeight="1" x14ac:dyDescent="0.35">
      <c r="A1341" s="3"/>
      <c r="C1341" s="3"/>
      <c r="D1341" s="3"/>
      <c r="E1341" s="3"/>
    </row>
    <row r="1342" spans="1:5" ht="13" customHeight="1" x14ac:dyDescent="0.35">
      <c r="A1342" s="3"/>
      <c r="C1342" s="3"/>
      <c r="D1342" s="3"/>
      <c r="E1342" s="3"/>
    </row>
    <row r="1343" spans="1:5" ht="13" customHeight="1" x14ac:dyDescent="0.35">
      <c r="A1343" s="3"/>
      <c r="C1343" s="3"/>
      <c r="D1343" s="3"/>
      <c r="E1343" s="3"/>
    </row>
    <row r="1344" spans="1:5" ht="13" customHeight="1" x14ac:dyDescent="0.35">
      <c r="A1344" s="3"/>
      <c r="C1344" s="3"/>
      <c r="D1344" s="3"/>
      <c r="E1344" s="3"/>
    </row>
    <row r="1345" spans="1:5" ht="13" customHeight="1" x14ac:dyDescent="0.35">
      <c r="A1345" s="3"/>
      <c r="C1345" s="3"/>
      <c r="D1345" s="3"/>
      <c r="E1345" s="3"/>
    </row>
    <row r="1346" spans="1:5" ht="13" customHeight="1" x14ac:dyDescent="0.35">
      <c r="A1346" s="3"/>
      <c r="C1346" s="3"/>
      <c r="D1346" s="3"/>
      <c r="E1346" s="3"/>
    </row>
    <row r="1347" spans="1:5" ht="13" customHeight="1" x14ac:dyDescent="0.35">
      <c r="A1347" s="3"/>
      <c r="C1347" s="3"/>
      <c r="D1347" s="3"/>
      <c r="E1347" s="3"/>
    </row>
    <row r="1348" spans="1:5" ht="13" customHeight="1" x14ac:dyDescent="0.35">
      <c r="A1348" s="3"/>
      <c r="C1348" s="3"/>
      <c r="D1348" s="3"/>
      <c r="E1348" s="3"/>
    </row>
    <row r="1349" spans="1:5" ht="13" customHeight="1" x14ac:dyDescent="0.35">
      <c r="A1349" s="3"/>
      <c r="C1349" s="3"/>
      <c r="D1349" s="3"/>
      <c r="E1349" s="3"/>
    </row>
    <row r="1350" spans="1:5" ht="13" customHeight="1" x14ac:dyDescent="0.35">
      <c r="A1350" s="3"/>
      <c r="C1350" s="3"/>
      <c r="D1350" s="3"/>
      <c r="E1350" s="3"/>
    </row>
    <row r="1351" spans="1:5" ht="13" customHeight="1" x14ac:dyDescent="0.35">
      <c r="A1351" s="3"/>
      <c r="C1351" s="3"/>
      <c r="D1351" s="3"/>
      <c r="E1351" s="3"/>
    </row>
    <row r="1352" spans="1:5" ht="13" customHeight="1" x14ac:dyDescent="0.35">
      <c r="A1352" s="3"/>
      <c r="C1352" s="3"/>
      <c r="D1352" s="3"/>
      <c r="E1352" s="3"/>
    </row>
    <row r="1353" spans="1:5" ht="13" customHeight="1" x14ac:dyDescent="0.35">
      <c r="A1353" s="3"/>
      <c r="C1353" s="3"/>
      <c r="D1353" s="3"/>
      <c r="E1353" s="3"/>
    </row>
    <row r="1354" spans="1:5" ht="13" customHeight="1" x14ac:dyDescent="0.35">
      <c r="A1354" s="3"/>
      <c r="C1354" s="3"/>
      <c r="D1354" s="3"/>
      <c r="E1354" s="3"/>
    </row>
    <row r="1355" spans="1:5" ht="13" customHeight="1" x14ac:dyDescent="0.35">
      <c r="A1355" s="3"/>
      <c r="C1355" s="3"/>
      <c r="D1355" s="3"/>
      <c r="E1355" s="3"/>
    </row>
    <row r="1356" spans="1:5" ht="13" customHeight="1" x14ac:dyDescent="0.35">
      <c r="A1356" s="3"/>
      <c r="C1356" s="3"/>
      <c r="D1356" s="3"/>
      <c r="E1356" s="3"/>
    </row>
    <row r="1357" spans="1:5" ht="13" customHeight="1" x14ac:dyDescent="0.35">
      <c r="A1357" s="3"/>
      <c r="C1357" s="3"/>
      <c r="D1357" s="3"/>
      <c r="E1357" s="3"/>
    </row>
    <row r="1358" spans="1:5" ht="13" customHeight="1" x14ac:dyDescent="0.35">
      <c r="A1358" s="3"/>
      <c r="C1358" s="3"/>
      <c r="D1358" s="3"/>
      <c r="E1358" s="3"/>
    </row>
    <row r="1359" spans="1:5" ht="13" customHeight="1" x14ac:dyDescent="0.35">
      <c r="A1359" s="3"/>
      <c r="C1359" s="3"/>
      <c r="D1359" s="3"/>
      <c r="E1359" s="3"/>
    </row>
    <row r="1360" spans="1:5" ht="13" customHeight="1" x14ac:dyDescent="0.35">
      <c r="A1360" s="3"/>
      <c r="C1360" s="3"/>
      <c r="D1360" s="3"/>
      <c r="E1360" s="3"/>
    </row>
    <row r="1361" spans="1:5" ht="13" customHeight="1" x14ac:dyDescent="0.35">
      <c r="A1361" s="3"/>
      <c r="C1361" s="3"/>
      <c r="D1361" s="3"/>
      <c r="E1361" s="3"/>
    </row>
    <row r="1362" spans="1:5" ht="13" customHeight="1" x14ac:dyDescent="0.35">
      <c r="A1362" s="3"/>
      <c r="C1362" s="3"/>
      <c r="D1362" s="3"/>
      <c r="E1362" s="3"/>
    </row>
    <row r="1363" spans="1:5" ht="13" customHeight="1" x14ac:dyDescent="0.35">
      <c r="A1363" s="3"/>
      <c r="C1363" s="3"/>
      <c r="D1363" s="3"/>
      <c r="E1363" s="3"/>
    </row>
    <row r="1364" spans="1:5" ht="13" customHeight="1" x14ac:dyDescent="0.35">
      <c r="A1364" s="3"/>
      <c r="C1364" s="3"/>
      <c r="D1364" s="3"/>
      <c r="E1364" s="3"/>
    </row>
    <row r="1365" spans="1:5" ht="13" customHeight="1" x14ac:dyDescent="0.35">
      <c r="A1365" s="3"/>
      <c r="C1365" s="3"/>
      <c r="D1365" s="3"/>
      <c r="E1365" s="3"/>
    </row>
    <row r="1366" spans="1:5" ht="13" customHeight="1" x14ac:dyDescent="0.35">
      <c r="A1366" s="3"/>
      <c r="C1366" s="3"/>
      <c r="D1366" s="3"/>
      <c r="E1366" s="3"/>
    </row>
    <row r="1367" spans="1:5" ht="13" customHeight="1" x14ac:dyDescent="0.35">
      <c r="A1367" s="3"/>
      <c r="C1367" s="3"/>
      <c r="D1367" s="3"/>
      <c r="E1367" s="3"/>
    </row>
    <row r="1368" spans="1:5" ht="13" customHeight="1" x14ac:dyDescent="0.35">
      <c r="A1368" s="3"/>
      <c r="C1368" s="3"/>
      <c r="D1368" s="3"/>
      <c r="E1368" s="3"/>
    </row>
    <row r="1369" spans="1:5" ht="13" customHeight="1" x14ac:dyDescent="0.35">
      <c r="A1369" s="3"/>
      <c r="C1369" s="3"/>
      <c r="D1369" s="3"/>
      <c r="E1369" s="3"/>
    </row>
    <row r="1370" spans="1:5" ht="13" customHeight="1" x14ac:dyDescent="0.35">
      <c r="A1370" s="3"/>
      <c r="C1370" s="3"/>
      <c r="D1370" s="3"/>
      <c r="E1370" s="3"/>
    </row>
    <row r="1371" spans="1:5" ht="13" customHeight="1" x14ac:dyDescent="0.35">
      <c r="A1371" s="3"/>
      <c r="C1371" s="3"/>
      <c r="D1371" s="3"/>
      <c r="E1371" s="3"/>
    </row>
    <row r="1372" spans="1:5" ht="13" customHeight="1" x14ac:dyDescent="0.35">
      <c r="A1372" s="3"/>
      <c r="C1372" s="3"/>
      <c r="D1372" s="3"/>
      <c r="E1372" s="3"/>
    </row>
    <row r="1373" spans="1:5" ht="13" customHeight="1" x14ac:dyDescent="0.35">
      <c r="A1373" s="3"/>
      <c r="C1373" s="3"/>
      <c r="D1373" s="3"/>
      <c r="E1373" s="3"/>
    </row>
    <row r="1374" spans="1:5" ht="13" customHeight="1" x14ac:dyDescent="0.35">
      <c r="A1374" s="3"/>
      <c r="C1374" s="3"/>
      <c r="D1374" s="3"/>
      <c r="E1374" s="3"/>
    </row>
    <row r="1375" spans="1:5" ht="13" customHeight="1" x14ac:dyDescent="0.35">
      <c r="A1375" s="3"/>
      <c r="C1375" s="3"/>
      <c r="D1375" s="3"/>
      <c r="E1375" s="3"/>
    </row>
    <row r="1376" spans="1:5" ht="13" customHeight="1" x14ac:dyDescent="0.35">
      <c r="A1376" s="3"/>
      <c r="C1376" s="3"/>
      <c r="D1376" s="3"/>
      <c r="E1376" s="3"/>
    </row>
    <row r="1377" spans="1:5" ht="13" customHeight="1" x14ac:dyDescent="0.35">
      <c r="A1377" s="3"/>
      <c r="C1377" s="3"/>
      <c r="D1377" s="3"/>
      <c r="E1377" s="3"/>
    </row>
    <row r="1378" spans="1:5" ht="13" customHeight="1" x14ac:dyDescent="0.35">
      <c r="A1378" s="3"/>
      <c r="C1378" s="3"/>
      <c r="D1378" s="3"/>
      <c r="E1378" s="3"/>
    </row>
    <row r="1379" spans="1:5" ht="13" customHeight="1" x14ac:dyDescent="0.35">
      <c r="A1379" s="3"/>
      <c r="C1379" s="3"/>
      <c r="D1379" s="3"/>
      <c r="E1379" s="3"/>
    </row>
    <row r="1380" spans="1:5" ht="13" customHeight="1" x14ac:dyDescent="0.35">
      <c r="A1380" s="3"/>
      <c r="C1380" s="3"/>
      <c r="D1380" s="3"/>
      <c r="E1380" s="3"/>
    </row>
    <row r="1381" spans="1:5" ht="13" customHeight="1" x14ac:dyDescent="0.35">
      <c r="A1381" s="3"/>
      <c r="C1381" s="3"/>
      <c r="D1381" s="3"/>
      <c r="E1381" s="3"/>
    </row>
    <row r="1382" spans="1:5" ht="13" customHeight="1" x14ac:dyDescent="0.35">
      <c r="A1382" s="3"/>
      <c r="C1382" s="3"/>
      <c r="D1382" s="3"/>
      <c r="E1382" s="3"/>
    </row>
    <row r="1383" spans="1:5" ht="13" customHeight="1" x14ac:dyDescent="0.35">
      <c r="A1383" s="3"/>
      <c r="C1383" s="3"/>
      <c r="D1383" s="3"/>
      <c r="E1383" s="3"/>
    </row>
    <row r="1384" spans="1:5" ht="13" customHeight="1" x14ac:dyDescent="0.35">
      <c r="A1384" s="3"/>
      <c r="C1384" s="3"/>
      <c r="D1384" s="3"/>
      <c r="E1384" s="3"/>
    </row>
    <row r="1385" spans="1:5" ht="13" customHeight="1" x14ac:dyDescent="0.35">
      <c r="A1385" s="3"/>
      <c r="C1385" s="3"/>
      <c r="D1385" s="3"/>
      <c r="E1385" s="3"/>
    </row>
    <row r="1386" spans="1:5" ht="13" customHeight="1" x14ac:dyDescent="0.35">
      <c r="A1386" s="3"/>
      <c r="C1386" s="3"/>
      <c r="D1386" s="3"/>
      <c r="E1386" s="3"/>
    </row>
    <row r="1387" spans="1:5" ht="13" customHeight="1" x14ac:dyDescent="0.35">
      <c r="A1387" s="3"/>
      <c r="C1387" s="3"/>
      <c r="D1387" s="3"/>
      <c r="E1387" s="3"/>
    </row>
    <row r="1388" spans="1:5" ht="13" customHeight="1" x14ac:dyDescent="0.35">
      <c r="A1388" s="3"/>
      <c r="C1388" s="3"/>
      <c r="D1388" s="3"/>
      <c r="E1388" s="3"/>
    </row>
    <row r="1389" spans="1:5" ht="13" customHeight="1" x14ac:dyDescent="0.35">
      <c r="A1389" s="3"/>
      <c r="C1389" s="3"/>
      <c r="D1389" s="3"/>
      <c r="E1389" s="3"/>
    </row>
    <row r="1390" spans="1:5" ht="13" customHeight="1" x14ac:dyDescent="0.35">
      <c r="A1390" s="3"/>
      <c r="C1390" s="3"/>
      <c r="D1390" s="3"/>
      <c r="E1390" s="3"/>
    </row>
    <row r="1391" spans="1:5" ht="13" customHeight="1" x14ac:dyDescent="0.35">
      <c r="A1391" s="3"/>
      <c r="C1391" s="3"/>
      <c r="D1391" s="3"/>
      <c r="E1391" s="3"/>
    </row>
    <row r="1392" spans="1:5" ht="13" customHeight="1" x14ac:dyDescent="0.35">
      <c r="A1392" s="3"/>
      <c r="C1392" s="3"/>
      <c r="D1392" s="3"/>
      <c r="E1392" s="3"/>
    </row>
    <row r="1393" spans="1:5" ht="13" customHeight="1" x14ac:dyDescent="0.35">
      <c r="A1393" s="3"/>
      <c r="C1393" s="3"/>
      <c r="D1393" s="3"/>
      <c r="E1393" s="3"/>
    </row>
    <row r="1394" spans="1:5" ht="13" customHeight="1" x14ac:dyDescent="0.35">
      <c r="A1394" s="3"/>
      <c r="C1394" s="3"/>
      <c r="D1394" s="3"/>
      <c r="E1394" s="3"/>
    </row>
    <row r="1395" spans="1:5" ht="13" customHeight="1" x14ac:dyDescent="0.35">
      <c r="A1395" s="3"/>
      <c r="C1395" s="3"/>
      <c r="D1395" s="3"/>
      <c r="E1395" s="3"/>
    </row>
    <row r="1396" spans="1:5" ht="13" customHeight="1" x14ac:dyDescent="0.35">
      <c r="A1396" s="3"/>
      <c r="C1396" s="3"/>
      <c r="D1396" s="3"/>
      <c r="E1396" s="3"/>
    </row>
    <row r="1397" spans="1:5" ht="13" customHeight="1" x14ac:dyDescent="0.35">
      <c r="A1397" s="3"/>
      <c r="C1397" s="3"/>
      <c r="D1397" s="3"/>
      <c r="E1397" s="3"/>
    </row>
    <row r="1398" spans="1:5" ht="13" customHeight="1" x14ac:dyDescent="0.35">
      <c r="A1398" s="3"/>
      <c r="C1398" s="3"/>
      <c r="D1398" s="3"/>
      <c r="E1398" s="3"/>
    </row>
    <row r="1399" spans="1:5" ht="13" customHeight="1" x14ac:dyDescent="0.35">
      <c r="A1399" s="3"/>
      <c r="C1399" s="3"/>
      <c r="D1399" s="3"/>
      <c r="E1399" s="3"/>
    </row>
    <row r="1400" spans="1:5" ht="13" customHeight="1" x14ac:dyDescent="0.35">
      <c r="A1400" s="3"/>
      <c r="C1400" s="3"/>
      <c r="D1400" s="3"/>
      <c r="E1400" s="3"/>
    </row>
    <row r="1401" spans="1:5" ht="13" customHeight="1" x14ac:dyDescent="0.35">
      <c r="A1401" s="3"/>
      <c r="C1401" s="3"/>
      <c r="D1401" s="3"/>
      <c r="E1401" s="3"/>
    </row>
    <row r="1402" spans="1:5" ht="13" customHeight="1" x14ac:dyDescent="0.35">
      <c r="A1402" s="3"/>
      <c r="C1402" s="3"/>
      <c r="D1402" s="3"/>
      <c r="E1402" s="3"/>
    </row>
    <row r="1403" spans="1:5" ht="13" customHeight="1" x14ac:dyDescent="0.35">
      <c r="A1403" s="3"/>
      <c r="C1403" s="3"/>
      <c r="D1403" s="3"/>
      <c r="E1403" s="3"/>
    </row>
    <row r="1404" spans="1:5" ht="13" customHeight="1" x14ac:dyDescent="0.35">
      <c r="A1404" s="3"/>
      <c r="C1404" s="3"/>
      <c r="D1404" s="3"/>
      <c r="E1404" s="3"/>
    </row>
    <row r="1405" spans="1:5" ht="13" customHeight="1" x14ac:dyDescent="0.35">
      <c r="A1405" s="3"/>
      <c r="C1405" s="3"/>
      <c r="D1405" s="3"/>
      <c r="E1405" s="3"/>
    </row>
    <row r="1406" spans="1:5" ht="13" customHeight="1" x14ac:dyDescent="0.35">
      <c r="A1406" s="3"/>
      <c r="C1406" s="3"/>
      <c r="D1406" s="3"/>
      <c r="E1406" s="3"/>
    </row>
    <row r="1407" spans="1:5" ht="13" customHeight="1" x14ac:dyDescent="0.35">
      <c r="A1407" s="3"/>
      <c r="C1407" s="3"/>
      <c r="D1407" s="3"/>
      <c r="E1407" s="3"/>
    </row>
    <row r="1408" spans="1:5" ht="13" customHeight="1" x14ac:dyDescent="0.35">
      <c r="A1408" s="3"/>
      <c r="C1408" s="3"/>
      <c r="D1408" s="3"/>
      <c r="E1408" s="3"/>
    </row>
    <row r="1409" spans="1:5" ht="13" customHeight="1" x14ac:dyDescent="0.35">
      <c r="A1409" s="3"/>
      <c r="C1409" s="3"/>
      <c r="D1409" s="3"/>
      <c r="E1409" s="3"/>
    </row>
    <row r="1410" spans="1:5" ht="13" customHeight="1" x14ac:dyDescent="0.35">
      <c r="A1410" s="3"/>
      <c r="C1410" s="3"/>
      <c r="D1410" s="3"/>
      <c r="E1410" s="3"/>
    </row>
    <row r="1411" spans="1:5" ht="13" customHeight="1" x14ac:dyDescent="0.35">
      <c r="A1411" s="3"/>
      <c r="C1411" s="3"/>
      <c r="D1411" s="3"/>
      <c r="E1411" s="3"/>
    </row>
    <row r="1412" spans="1:5" ht="13" customHeight="1" x14ac:dyDescent="0.35">
      <c r="A1412" s="3"/>
      <c r="C1412" s="3"/>
      <c r="D1412" s="3"/>
      <c r="E1412" s="3"/>
    </row>
    <row r="1413" spans="1:5" ht="13" customHeight="1" x14ac:dyDescent="0.35">
      <c r="A1413" s="3"/>
      <c r="C1413" s="3"/>
      <c r="D1413" s="3"/>
      <c r="E1413" s="3"/>
    </row>
    <row r="1414" spans="1:5" ht="13" customHeight="1" x14ac:dyDescent="0.35">
      <c r="A1414" s="3"/>
      <c r="C1414" s="3"/>
      <c r="D1414" s="3"/>
      <c r="E1414" s="3"/>
    </row>
    <row r="1415" spans="1:5" ht="13" customHeight="1" x14ac:dyDescent="0.35">
      <c r="A1415" s="3"/>
      <c r="C1415" s="3"/>
      <c r="D1415" s="3"/>
      <c r="E1415" s="3"/>
    </row>
    <row r="1416" spans="1:5" ht="13" customHeight="1" x14ac:dyDescent="0.35">
      <c r="A1416" s="3"/>
      <c r="C1416" s="3"/>
      <c r="D1416" s="3"/>
      <c r="E1416" s="3"/>
    </row>
    <row r="1417" spans="1:5" ht="13" customHeight="1" x14ac:dyDescent="0.35">
      <c r="A1417" s="3"/>
      <c r="C1417" s="3"/>
      <c r="D1417" s="3"/>
      <c r="E1417" s="3"/>
    </row>
    <row r="1418" spans="1:5" ht="13" customHeight="1" x14ac:dyDescent="0.35">
      <c r="A1418" s="3"/>
      <c r="C1418" s="3"/>
      <c r="D1418" s="3"/>
      <c r="E1418" s="3"/>
    </row>
    <row r="1419" spans="1:5" ht="13" customHeight="1" x14ac:dyDescent="0.35">
      <c r="A1419" s="3"/>
      <c r="C1419" s="3"/>
      <c r="D1419" s="3"/>
      <c r="E1419" s="3"/>
    </row>
    <row r="1420" spans="1:5" ht="13" customHeight="1" x14ac:dyDescent="0.35">
      <c r="A1420" s="3"/>
      <c r="C1420" s="3"/>
      <c r="D1420" s="3"/>
      <c r="E1420" s="3"/>
    </row>
    <row r="1421" spans="1:5" ht="13" customHeight="1" x14ac:dyDescent="0.35">
      <c r="A1421" s="3"/>
      <c r="C1421" s="3"/>
      <c r="D1421" s="3"/>
      <c r="E1421" s="3"/>
    </row>
    <row r="1422" spans="1:5" ht="13" customHeight="1" x14ac:dyDescent="0.35">
      <c r="A1422" s="3"/>
      <c r="C1422" s="3"/>
      <c r="D1422" s="3"/>
      <c r="E1422" s="3"/>
    </row>
    <row r="1423" spans="1:5" ht="13" customHeight="1" x14ac:dyDescent="0.35">
      <c r="A1423" s="3"/>
      <c r="C1423" s="3"/>
      <c r="D1423" s="3"/>
      <c r="E1423" s="3"/>
    </row>
    <row r="1424" spans="1:5" ht="13" customHeight="1" x14ac:dyDescent="0.35">
      <c r="A1424" s="3"/>
      <c r="C1424" s="3"/>
      <c r="D1424" s="3"/>
      <c r="E1424" s="3"/>
    </row>
    <row r="1425" spans="1:5" ht="13" customHeight="1" x14ac:dyDescent="0.35">
      <c r="A1425" s="3"/>
      <c r="C1425" s="3"/>
      <c r="D1425" s="3"/>
      <c r="E1425" s="3"/>
    </row>
    <row r="1426" spans="1:5" ht="13" customHeight="1" x14ac:dyDescent="0.35">
      <c r="A1426" s="3"/>
      <c r="C1426" s="3"/>
      <c r="D1426" s="3"/>
      <c r="E1426" s="3"/>
    </row>
    <row r="1427" spans="1:5" ht="13" customHeight="1" x14ac:dyDescent="0.35">
      <c r="A1427" s="3"/>
      <c r="C1427" s="3"/>
      <c r="D1427" s="3"/>
      <c r="E1427" s="3"/>
    </row>
    <row r="1428" spans="1:5" ht="13" customHeight="1" x14ac:dyDescent="0.35">
      <c r="A1428" s="3"/>
      <c r="C1428" s="3"/>
      <c r="D1428" s="3"/>
      <c r="E1428" s="3"/>
    </row>
    <row r="1429" spans="1:5" ht="13" customHeight="1" x14ac:dyDescent="0.35">
      <c r="A1429" s="3"/>
      <c r="C1429" s="3"/>
      <c r="D1429" s="3"/>
      <c r="E1429" s="3"/>
    </row>
    <row r="1430" spans="1:5" ht="13" customHeight="1" x14ac:dyDescent="0.35">
      <c r="A1430" s="3"/>
      <c r="C1430" s="3"/>
      <c r="D1430" s="3"/>
      <c r="E1430" s="3"/>
    </row>
    <row r="1431" spans="1:5" ht="13" customHeight="1" x14ac:dyDescent="0.35">
      <c r="A1431" s="3"/>
      <c r="C1431" s="3"/>
      <c r="D1431" s="3"/>
      <c r="E1431" s="3"/>
    </row>
    <row r="1432" spans="1:5" ht="13" customHeight="1" x14ac:dyDescent="0.35">
      <c r="A1432" s="3"/>
      <c r="C1432" s="3"/>
      <c r="D1432" s="3"/>
      <c r="E1432" s="3"/>
    </row>
    <row r="1433" spans="1:5" ht="13" customHeight="1" x14ac:dyDescent="0.35">
      <c r="A1433" s="3"/>
      <c r="C1433" s="3"/>
      <c r="D1433" s="3"/>
      <c r="E1433" s="3"/>
    </row>
    <row r="1434" spans="1:5" ht="13" customHeight="1" x14ac:dyDescent="0.35">
      <c r="A1434" s="3"/>
      <c r="C1434" s="3"/>
      <c r="D1434" s="3"/>
      <c r="E1434" s="3"/>
    </row>
    <row r="1435" spans="1:5" ht="13" customHeight="1" x14ac:dyDescent="0.35">
      <c r="A1435" s="3"/>
      <c r="C1435" s="3"/>
      <c r="D1435" s="3"/>
      <c r="E1435" s="3"/>
    </row>
    <row r="1436" spans="1:5" ht="13" customHeight="1" x14ac:dyDescent="0.35">
      <c r="A1436" s="3"/>
      <c r="C1436" s="3"/>
      <c r="D1436" s="3"/>
      <c r="E1436" s="3"/>
    </row>
    <row r="1437" spans="1:5" ht="13" customHeight="1" x14ac:dyDescent="0.35">
      <c r="A1437" s="3"/>
      <c r="C1437" s="3"/>
      <c r="D1437" s="3"/>
      <c r="E1437" s="3"/>
    </row>
    <row r="1438" spans="1:5" ht="13" customHeight="1" x14ac:dyDescent="0.35">
      <c r="A1438" s="3"/>
      <c r="C1438" s="3"/>
      <c r="D1438" s="3"/>
      <c r="E1438" s="3"/>
    </row>
    <row r="1439" spans="1:5" ht="13" customHeight="1" x14ac:dyDescent="0.35">
      <c r="A1439" s="3"/>
      <c r="C1439" s="3"/>
      <c r="D1439" s="3"/>
      <c r="E1439" s="3"/>
    </row>
    <row r="1440" spans="1:5" ht="13" customHeight="1" x14ac:dyDescent="0.35">
      <c r="A1440" s="3"/>
      <c r="C1440" s="3"/>
      <c r="D1440" s="3"/>
      <c r="E1440" s="3"/>
    </row>
    <row r="1441" spans="1:5" ht="13" customHeight="1" x14ac:dyDescent="0.35">
      <c r="A1441" s="3"/>
      <c r="C1441" s="3"/>
      <c r="D1441" s="3"/>
      <c r="E1441" s="3"/>
    </row>
    <row r="1442" spans="1:5" ht="13" customHeight="1" x14ac:dyDescent="0.35">
      <c r="A1442" s="3"/>
      <c r="C1442" s="3"/>
      <c r="D1442" s="3"/>
      <c r="E1442" s="3"/>
    </row>
    <row r="1443" spans="1:5" ht="13" customHeight="1" x14ac:dyDescent="0.35">
      <c r="A1443" s="3"/>
      <c r="C1443" s="3"/>
      <c r="D1443" s="3"/>
      <c r="E1443" s="3"/>
    </row>
    <row r="1444" spans="1:5" ht="13" customHeight="1" x14ac:dyDescent="0.35">
      <c r="A1444" s="3"/>
      <c r="C1444" s="3"/>
      <c r="D1444" s="3"/>
      <c r="E1444" s="3"/>
    </row>
    <row r="1445" spans="1:5" ht="13" customHeight="1" x14ac:dyDescent="0.35">
      <c r="A1445" s="3"/>
      <c r="C1445" s="3"/>
      <c r="D1445" s="3"/>
      <c r="E1445" s="3"/>
    </row>
    <row r="1446" spans="1:5" ht="13" customHeight="1" x14ac:dyDescent="0.35">
      <c r="A1446" s="3"/>
      <c r="C1446" s="3"/>
      <c r="D1446" s="3"/>
      <c r="E1446" s="3"/>
    </row>
    <row r="1447" spans="1:5" ht="13" customHeight="1" x14ac:dyDescent="0.35">
      <c r="A1447" s="3"/>
      <c r="C1447" s="3"/>
      <c r="D1447" s="3"/>
      <c r="E1447" s="3"/>
    </row>
    <row r="1448" spans="1:5" ht="13" customHeight="1" x14ac:dyDescent="0.35">
      <c r="A1448" s="3"/>
      <c r="C1448" s="3"/>
      <c r="D1448" s="3"/>
      <c r="E1448" s="3"/>
    </row>
    <row r="1449" spans="1:5" ht="13" customHeight="1" x14ac:dyDescent="0.35">
      <c r="A1449" s="3"/>
      <c r="C1449" s="3"/>
      <c r="D1449" s="3"/>
      <c r="E1449" s="3"/>
    </row>
    <row r="1450" spans="1:5" ht="13" customHeight="1" x14ac:dyDescent="0.35">
      <c r="A1450" s="3"/>
      <c r="C1450" s="3"/>
      <c r="D1450" s="3"/>
      <c r="E1450" s="3"/>
    </row>
    <row r="1451" spans="1:5" ht="13" customHeight="1" x14ac:dyDescent="0.35">
      <c r="A1451" s="3"/>
      <c r="C1451" s="3"/>
      <c r="D1451" s="3"/>
      <c r="E1451" s="3"/>
    </row>
    <row r="1452" spans="1:5" ht="13" customHeight="1" x14ac:dyDescent="0.35">
      <c r="A1452" s="3"/>
      <c r="C1452" s="3"/>
      <c r="D1452" s="3"/>
      <c r="E1452" s="3"/>
    </row>
    <row r="1453" spans="1:5" ht="13" customHeight="1" x14ac:dyDescent="0.35">
      <c r="A1453" s="3"/>
      <c r="C1453" s="3"/>
      <c r="D1453" s="3"/>
      <c r="E1453" s="3"/>
    </row>
    <row r="1454" spans="1:5" ht="13" customHeight="1" x14ac:dyDescent="0.35">
      <c r="A1454" s="3"/>
      <c r="C1454" s="3"/>
      <c r="D1454" s="3"/>
      <c r="E1454" s="3"/>
    </row>
    <row r="1455" spans="1:5" ht="13" customHeight="1" x14ac:dyDescent="0.35">
      <c r="A1455" s="3"/>
      <c r="C1455" s="3"/>
      <c r="D1455" s="3"/>
      <c r="E1455" s="3"/>
    </row>
    <row r="1456" spans="1:5" ht="13" customHeight="1" x14ac:dyDescent="0.35">
      <c r="A1456" s="3"/>
      <c r="C1456" s="3"/>
      <c r="D1456" s="3"/>
      <c r="E1456" s="3"/>
    </row>
    <row r="1457" spans="1:5" ht="13" customHeight="1" x14ac:dyDescent="0.35">
      <c r="A1457" s="3"/>
      <c r="C1457" s="3"/>
      <c r="D1457" s="3"/>
      <c r="E1457" s="3"/>
    </row>
    <row r="1458" spans="1:5" ht="13" customHeight="1" x14ac:dyDescent="0.35">
      <c r="A1458" s="3"/>
      <c r="C1458" s="3"/>
      <c r="D1458" s="3"/>
      <c r="E1458" s="3"/>
    </row>
    <row r="1459" spans="1:5" ht="13" customHeight="1" x14ac:dyDescent="0.35">
      <c r="A1459" s="3"/>
      <c r="C1459" s="3"/>
      <c r="D1459" s="3"/>
      <c r="E1459" s="3"/>
    </row>
    <row r="1460" spans="1:5" ht="13" customHeight="1" x14ac:dyDescent="0.35">
      <c r="A1460" s="3"/>
      <c r="C1460" s="3"/>
      <c r="D1460" s="3"/>
      <c r="E1460" s="3"/>
    </row>
    <row r="1461" spans="1:5" ht="13" customHeight="1" x14ac:dyDescent="0.35">
      <c r="A1461" s="3"/>
      <c r="C1461" s="3"/>
      <c r="D1461" s="3"/>
      <c r="E1461" s="3"/>
    </row>
    <row r="1462" spans="1:5" ht="13" customHeight="1" x14ac:dyDescent="0.35">
      <c r="A1462" s="3"/>
      <c r="C1462" s="3"/>
      <c r="D1462" s="3"/>
      <c r="E1462" s="3"/>
    </row>
    <row r="1463" spans="1:5" ht="13" customHeight="1" x14ac:dyDescent="0.35">
      <c r="A1463" s="3"/>
      <c r="C1463" s="3"/>
      <c r="D1463" s="3"/>
      <c r="E1463" s="3"/>
    </row>
    <row r="1464" spans="1:5" ht="13" customHeight="1" x14ac:dyDescent="0.35">
      <c r="A1464" s="3"/>
      <c r="C1464" s="3"/>
      <c r="D1464" s="3"/>
      <c r="E1464" s="3"/>
    </row>
    <row r="1465" spans="1:5" ht="13" customHeight="1" x14ac:dyDescent="0.35">
      <c r="A1465" s="3"/>
      <c r="C1465" s="3"/>
      <c r="D1465" s="3"/>
      <c r="E1465" s="3"/>
    </row>
    <row r="1466" spans="1:5" ht="13" customHeight="1" x14ac:dyDescent="0.35">
      <c r="A1466" s="3"/>
      <c r="C1466" s="3"/>
      <c r="D1466" s="3"/>
      <c r="E1466" s="3"/>
    </row>
    <row r="1467" spans="1:5" ht="13" customHeight="1" x14ac:dyDescent="0.35">
      <c r="A1467" s="3"/>
      <c r="C1467" s="3"/>
      <c r="D1467" s="3"/>
      <c r="E1467" s="3"/>
    </row>
    <row r="1468" spans="1:5" ht="13" customHeight="1" x14ac:dyDescent="0.35">
      <c r="A1468" s="3"/>
      <c r="C1468" s="3"/>
      <c r="D1468" s="3"/>
      <c r="E1468" s="3"/>
    </row>
    <row r="1469" spans="1:5" ht="13" customHeight="1" x14ac:dyDescent="0.35">
      <c r="A1469" s="3"/>
      <c r="C1469" s="3"/>
      <c r="D1469" s="3"/>
      <c r="E1469" s="3"/>
    </row>
    <row r="1470" spans="1:5" ht="13" customHeight="1" x14ac:dyDescent="0.35">
      <c r="A1470" s="3"/>
      <c r="C1470" s="3"/>
      <c r="D1470" s="3"/>
      <c r="E1470" s="3"/>
    </row>
    <row r="1471" spans="1:5" ht="13" customHeight="1" x14ac:dyDescent="0.35">
      <c r="A1471" s="3"/>
      <c r="C1471" s="3"/>
      <c r="D1471" s="3"/>
      <c r="E1471" s="3"/>
    </row>
    <row r="1472" spans="1:5" ht="13" customHeight="1" x14ac:dyDescent="0.35">
      <c r="A1472" s="3"/>
      <c r="C1472" s="3"/>
      <c r="D1472" s="3"/>
      <c r="E1472" s="3"/>
    </row>
    <row r="1473" spans="1:5" ht="13" customHeight="1" x14ac:dyDescent="0.35">
      <c r="A1473" s="3"/>
      <c r="C1473" s="3"/>
      <c r="D1473" s="3"/>
      <c r="E1473" s="3"/>
    </row>
    <row r="1474" spans="1:5" ht="13" customHeight="1" x14ac:dyDescent="0.35">
      <c r="A1474" s="3"/>
      <c r="C1474" s="3"/>
      <c r="D1474" s="3"/>
      <c r="E1474" s="3"/>
    </row>
    <row r="1475" spans="1:5" ht="13" customHeight="1" x14ac:dyDescent="0.35">
      <c r="A1475" s="3"/>
      <c r="C1475" s="3"/>
      <c r="D1475" s="3"/>
      <c r="E1475" s="3"/>
    </row>
    <row r="1476" spans="1:5" ht="13" customHeight="1" x14ac:dyDescent="0.35">
      <c r="A1476" s="3"/>
      <c r="C1476" s="3"/>
      <c r="D1476" s="3"/>
      <c r="E1476" s="3"/>
    </row>
    <row r="1477" spans="1:5" ht="13" customHeight="1" x14ac:dyDescent="0.35">
      <c r="A1477" s="3"/>
      <c r="C1477" s="3"/>
      <c r="D1477" s="3"/>
      <c r="E1477" s="3"/>
    </row>
    <row r="1478" spans="1:5" ht="13" customHeight="1" x14ac:dyDescent="0.35">
      <c r="A1478" s="3"/>
      <c r="C1478" s="3"/>
      <c r="D1478" s="3"/>
      <c r="E1478" s="3"/>
    </row>
    <row r="1479" spans="1:5" ht="13" customHeight="1" x14ac:dyDescent="0.35">
      <c r="A1479" s="3"/>
      <c r="C1479" s="3"/>
      <c r="D1479" s="3"/>
      <c r="E1479" s="3"/>
    </row>
    <row r="1480" spans="1:5" ht="13" customHeight="1" x14ac:dyDescent="0.35">
      <c r="A1480" s="3"/>
      <c r="C1480" s="3"/>
      <c r="D1480" s="3"/>
      <c r="E1480" s="3"/>
    </row>
    <row r="1481" spans="1:5" ht="13" customHeight="1" x14ac:dyDescent="0.35">
      <c r="A1481" s="3"/>
      <c r="C1481" s="3"/>
      <c r="D1481" s="3"/>
      <c r="E1481" s="3"/>
    </row>
    <row r="1482" spans="1:5" ht="13" customHeight="1" x14ac:dyDescent="0.35">
      <c r="A1482" s="3"/>
      <c r="C1482" s="3"/>
      <c r="D1482" s="3"/>
      <c r="E1482" s="3"/>
    </row>
    <row r="1483" spans="1:5" ht="13" customHeight="1" x14ac:dyDescent="0.35">
      <c r="A1483" s="3"/>
      <c r="C1483" s="3"/>
      <c r="D1483" s="3"/>
      <c r="E1483" s="3"/>
    </row>
    <row r="1484" spans="1:5" ht="13" customHeight="1" x14ac:dyDescent="0.35">
      <c r="A1484" s="3"/>
      <c r="C1484" s="3"/>
      <c r="D1484" s="3"/>
      <c r="E1484" s="3"/>
    </row>
    <row r="1485" spans="1:5" ht="13" customHeight="1" x14ac:dyDescent="0.35">
      <c r="A1485" s="3"/>
      <c r="C1485" s="3"/>
      <c r="D1485" s="3"/>
      <c r="E1485" s="3"/>
    </row>
    <row r="1486" spans="1:5" ht="13" customHeight="1" x14ac:dyDescent="0.35">
      <c r="A1486" s="3"/>
      <c r="C1486" s="3"/>
      <c r="D1486" s="3"/>
      <c r="E1486" s="3"/>
    </row>
    <row r="1487" spans="1:5" ht="13" customHeight="1" x14ac:dyDescent="0.35">
      <c r="A1487" s="3"/>
      <c r="C1487" s="3"/>
      <c r="D1487" s="3"/>
      <c r="E1487" s="3"/>
    </row>
    <row r="1488" spans="1:5" ht="13" customHeight="1" x14ac:dyDescent="0.35">
      <c r="A1488" s="3"/>
      <c r="C1488" s="3"/>
      <c r="D1488" s="3"/>
      <c r="E1488" s="3"/>
    </row>
    <row r="1489" spans="1:5" ht="13" customHeight="1" x14ac:dyDescent="0.35">
      <c r="A1489" s="3"/>
      <c r="C1489" s="3"/>
      <c r="D1489" s="3"/>
      <c r="E1489" s="3"/>
    </row>
    <row r="1490" spans="1:5" ht="13" customHeight="1" x14ac:dyDescent="0.35">
      <c r="A1490" s="3"/>
      <c r="C1490" s="3"/>
      <c r="D1490" s="3"/>
      <c r="E1490" s="3"/>
    </row>
    <row r="1491" spans="1:5" ht="13" customHeight="1" x14ac:dyDescent="0.35">
      <c r="A1491" s="3"/>
      <c r="C1491" s="3"/>
      <c r="D1491" s="3"/>
      <c r="E1491" s="3"/>
    </row>
    <row r="1492" spans="1:5" ht="13" customHeight="1" x14ac:dyDescent="0.35">
      <c r="A1492" s="3"/>
      <c r="C1492" s="3"/>
      <c r="D1492" s="3"/>
      <c r="E1492" s="3"/>
    </row>
    <row r="1493" spans="1:5" ht="13" customHeight="1" x14ac:dyDescent="0.35">
      <c r="A1493" s="3"/>
      <c r="C1493" s="3"/>
      <c r="D1493" s="3"/>
      <c r="E1493" s="3"/>
    </row>
    <row r="1494" spans="1:5" ht="13" customHeight="1" x14ac:dyDescent="0.35">
      <c r="A1494" s="3"/>
      <c r="C1494" s="3"/>
      <c r="D1494" s="3"/>
      <c r="E1494" s="3"/>
    </row>
    <row r="1495" spans="1:5" ht="13" customHeight="1" x14ac:dyDescent="0.35">
      <c r="A1495" s="3"/>
      <c r="C1495" s="3"/>
      <c r="D1495" s="3"/>
      <c r="E1495" s="3"/>
    </row>
    <row r="1496" spans="1:5" ht="13" customHeight="1" x14ac:dyDescent="0.35">
      <c r="A1496" s="3"/>
      <c r="C1496" s="3"/>
      <c r="D1496" s="3"/>
      <c r="E1496" s="3"/>
    </row>
    <row r="1497" spans="1:5" ht="13" customHeight="1" x14ac:dyDescent="0.35">
      <c r="A1497" s="3"/>
      <c r="C1497" s="3"/>
      <c r="D1497" s="3"/>
      <c r="E1497" s="3"/>
    </row>
    <row r="1498" spans="1:5" ht="13" customHeight="1" x14ac:dyDescent="0.35">
      <c r="A1498" s="3"/>
      <c r="C1498" s="3"/>
      <c r="D1498" s="3"/>
      <c r="E1498" s="3"/>
    </row>
    <row r="1499" spans="1:5" ht="13" customHeight="1" x14ac:dyDescent="0.35">
      <c r="A1499" s="3"/>
      <c r="C1499" s="3"/>
      <c r="D1499" s="3"/>
      <c r="E1499" s="3"/>
    </row>
    <row r="1500" spans="1:5" ht="13" customHeight="1" x14ac:dyDescent="0.35">
      <c r="A1500" s="3"/>
      <c r="C1500" s="3"/>
      <c r="D1500" s="3"/>
      <c r="E1500" s="3"/>
    </row>
    <row r="1501" spans="1:5" ht="13" customHeight="1" x14ac:dyDescent="0.35">
      <c r="A1501" s="3"/>
      <c r="C1501" s="3"/>
      <c r="D1501" s="3"/>
      <c r="E1501" s="3"/>
    </row>
    <row r="1502" spans="1:5" ht="13" customHeight="1" x14ac:dyDescent="0.35">
      <c r="A1502" s="3"/>
      <c r="C1502" s="3"/>
      <c r="D1502" s="3"/>
      <c r="E1502" s="3"/>
    </row>
    <row r="1503" spans="1:5" ht="13" customHeight="1" x14ac:dyDescent="0.35">
      <c r="A1503" s="3"/>
      <c r="C1503" s="3"/>
      <c r="D1503" s="3"/>
      <c r="E1503" s="3"/>
    </row>
    <row r="1504" spans="1:5" ht="13" customHeight="1" x14ac:dyDescent="0.35">
      <c r="A1504" s="3"/>
      <c r="C1504" s="3"/>
      <c r="D1504" s="3"/>
      <c r="E1504" s="3"/>
    </row>
    <row r="1505" spans="1:5" ht="13" customHeight="1" x14ac:dyDescent="0.35">
      <c r="A1505" s="3"/>
      <c r="C1505" s="3"/>
      <c r="D1505" s="3"/>
      <c r="E1505" s="3"/>
    </row>
    <row r="1506" spans="1:5" ht="13" customHeight="1" x14ac:dyDescent="0.35">
      <c r="A1506" s="3"/>
      <c r="C1506" s="3"/>
      <c r="D1506" s="3"/>
      <c r="E1506" s="3"/>
    </row>
    <row r="1507" spans="1:5" ht="13" customHeight="1" x14ac:dyDescent="0.35">
      <c r="A1507" s="3"/>
      <c r="C1507" s="3"/>
      <c r="D1507" s="3"/>
      <c r="E1507" s="3"/>
    </row>
    <row r="1508" spans="1:5" ht="13" customHeight="1" x14ac:dyDescent="0.35">
      <c r="A1508" s="3"/>
      <c r="C1508" s="3"/>
      <c r="D1508" s="3"/>
      <c r="E1508" s="3"/>
    </row>
    <row r="1509" spans="1:5" ht="13" customHeight="1" x14ac:dyDescent="0.35">
      <c r="A1509" s="3"/>
      <c r="C1509" s="3"/>
      <c r="D1509" s="3"/>
      <c r="E1509" s="3"/>
    </row>
    <row r="1510" spans="1:5" ht="13" customHeight="1" x14ac:dyDescent="0.35">
      <c r="A1510" s="3"/>
      <c r="C1510" s="3"/>
      <c r="D1510" s="3"/>
      <c r="E1510" s="3"/>
    </row>
    <row r="1511" spans="1:5" ht="13" customHeight="1" x14ac:dyDescent="0.35">
      <c r="A1511" s="3"/>
      <c r="C1511" s="3"/>
      <c r="D1511" s="3"/>
      <c r="E1511" s="3"/>
    </row>
    <row r="1512" spans="1:5" ht="13" customHeight="1" x14ac:dyDescent="0.35">
      <c r="A1512" s="3"/>
      <c r="C1512" s="3"/>
      <c r="D1512" s="3"/>
      <c r="E1512" s="3"/>
    </row>
    <row r="1513" spans="1:5" ht="13" customHeight="1" x14ac:dyDescent="0.35">
      <c r="A1513" s="3"/>
      <c r="C1513" s="3"/>
      <c r="D1513" s="3"/>
      <c r="E1513" s="3"/>
    </row>
    <row r="1514" spans="1:5" ht="13" customHeight="1" x14ac:dyDescent="0.35">
      <c r="A1514" s="3"/>
      <c r="C1514" s="3"/>
      <c r="D1514" s="3"/>
      <c r="E1514" s="3"/>
    </row>
    <row r="1515" spans="1:5" ht="13" customHeight="1" x14ac:dyDescent="0.35">
      <c r="A1515" s="3"/>
      <c r="C1515" s="3"/>
      <c r="D1515" s="3"/>
      <c r="E1515" s="3"/>
    </row>
    <row r="1516" spans="1:5" ht="13" customHeight="1" x14ac:dyDescent="0.35">
      <c r="A1516" s="3"/>
      <c r="C1516" s="3"/>
      <c r="D1516" s="3"/>
      <c r="E1516" s="3"/>
    </row>
    <row r="1517" spans="1:5" ht="13" customHeight="1" x14ac:dyDescent="0.35">
      <c r="A1517" s="3"/>
      <c r="C1517" s="3"/>
      <c r="D1517" s="3"/>
      <c r="E1517" s="3"/>
    </row>
    <row r="1518" spans="1:5" ht="13" customHeight="1" x14ac:dyDescent="0.35">
      <c r="A1518" s="3"/>
      <c r="C1518" s="3"/>
      <c r="D1518" s="3"/>
      <c r="E1518" s="3"/>
    </row>
    <row r="1519" spans="1:5" ht="13" customHeight="1" x14ac:dyDescent="0.35">
      <c r="A1519" s="3"/>
      <c r="C1519" s="3"/>
      <c r="D1519" s="3"/>
      <c r="E1519" s="3"/>
    </row>
    <row r="1520" spans="1:5" ht="13" customHeight="1" x14ac:dyDescent="0.35">
      <c r="A1520" s="3"/>
      <c r="C1520" s="3"/>
      <c r="D1520" s="3"/>
      <c r="E1520" s="3"/>
    </row>
    <row r="1521" spans="1:5" ht="13" customHeight="1" x14ac:dyDescent="0.35">
      <c r="A1521" s="3"/>
      <c r="C1521" s="3"/>
      <c r="D1521" s="3"/>
      <c r="E1521" s="3"/>
    </row>
    <row r="1522" spans="1:5" ht="13" customHeight="1" x14ac:dyDescent="0.35">
      <c r="A1522" s="3"/>
      <c r="C1522" s="3"/>
      <c r="D1522" s="3"/>
      <c r="E1522" s="3"/>
    </row>
    <row r="1523" spans="1:5" ht="13" customHeight="1" x14ac:dyDescent="0.35">
      <c r="A1523" s="3"/>
      <c r="C1523" s="3"/>
      <c r="D1523" s="3"/>
      <c r="E1523" s="3"/>
    </row>
    <row r="1524" spans="1:5" ht="13" customHeight="1" x14ac:dyDescent="0.35">
      <c r="A1524" s="3"/>
      <c r="C1524" s="3"/>
      <c r="D1524" s="3"/>
      <c r="E1524" s="3"/>
    </row>
    <row r="1525" spans="1:5" ht="13" customHeight="1" x14ac:dyDescent="0.35">
      <c r="A1525" s="3"/>
      <c r="C1525" s="3"/>
      <c r="D1525" s="3"/>
      <c r="E1525" s="3"/>
    </row>
    <row r="1526" spans="1:5" ht="13" customHeight="1" x14ac:dyDescent="0.35">
      <c r="A1526" s="3"/>
      <c r="C1526" s="3"/>
      <c r="D1526" s="3"/>
      <c r="E1526" s="3"/>
    </row>
    <row r="1527" spans="1:5" ht="13" customHeight="1" x14ac:dyDescent="0.35">
      <c r="A1527" s="3"/>
      <c r="C1527" s="3"/>
      <c r="D1527" s="3"/>
      <c r="E1527" s="3"/>
    </row>
    <row r="1528" spans="1:5" ht="13" customHeight="1" x14ac:dyDescent="0.35">
      <c r="A1528" s="3"/>
      <c r="C1528" s="3"/>
      <c r="D1528" s="3"/>
      <c r="E1528" s="3"/>
    </row>
    <row r="1529" spans="1:5" ht="13" customHeight="1" x14ac:dyDescent="0.35">
      <c r="A1529" s="3"/>
      <c r="C1529" s="3"/>
      <c r="D1529" s="3"/>
      <c r="E1529" s="3"/>
    </row>
    <row r="1530" spans="1:5" ht="13" customHeight="1" x14ac:dyDescent="0.35">
      <c r="A1530" s="3"/>
      <c r="C1530" s="3"/>
      <c r="D1530" s="3"/>
      <c r="E1530" s="3"/>
    </row>
    <row r="1531" spans="1:5" ht="13" customHeight="1" x14ac:dyDescent="0.35">
      <c r="A1531" s="3"/>
      <c r="C1531" s="3"/>
      <c r="D1531" s="3"/>
      <c r="E1531" s="3"/>
    </row>
    <row r="1532" spans="1:5" ht="13" customHeight="1" x14ac:dyDescent="0.35">
      <c r="A1532" s="3"/>
      <c r="C1532" s="3"/>
      <c r="D1532" s="3"/>
      <c r="E1532" s="3"/>
    </row>
    <row r="1533" spans="1:5" ht="13" customHeight="1" x14ac:dyDescent="0.35">
      <c r="A1533" s="3"/>
      <c r="C1533" s="3"/>
      <c r="D1533" s="3"/>
      <c r="E1533" s="3"/>
    </row>
    <row r="1534" spans="1:5" ht="13" customHeight="1" x14ac:dyDescent="0.35">
      <c r="A1534" s="3"/>
      <c r="C1534" s="3"/>
      <c r="D1534" s="3"/>
      <c r="E1534" s="3"/>
    </row>
    <row r="1535" spans="1:5" ht="13" customHeight="1" x14ac:dyDescent="0.35">
      <c r="A1535" s="3"/>
      <c r="C1535" s="3"/>
      <c r="D1535" s="3"/>
      <c r="E1535" s="3"/>
    </row>
    <row r="1536" spans="1:5" ht="13" customHeight="1" x14ac:dyDescent="0.35">
      <c r="A1536" s="3"/>
      <c r="C1536" s="3"/>
      <c r="D1536" s="3"/>
      <c r="E1536" s="3"/>
    </row>
    <row r="1537" spans="1:5" ht="13" customHeight="1" x14ac:dyDescent="0.35">
      <c r="A1537" s="3"/>
      <c r="C1537" s="3"/>
      <c r="D1537" s="3"/>
      <c r="E1537" s="3"/>
    </row>
    <row r="1538" spans="1:5" ht="13" customHeight="1" x14ac:dyDescent="0.35">
      <c r="A1538" s="3"/>
      <c r="C1538" s="3"/>
      <c r="D1538" s="3"/>
      <c r="E1538" s="3"/>
    </row>
    <row r="1539" spans="1:5" ht="13" customHeight="1" x14ac:dyDescent="0.35">
      <c r="A1539" s="3"/>
      <c r="C1539" s="3"/>
      <c r="D1539" s="3"/>
      <c r="E1539" s="3"/>
    </row>
    <row r="1540" spans="1:5" ht="13" customHeight="1" x14ac:dyDescent="0.35">
      <c r="A1540" s="3"/>
      <c r="C1540" s="3"/>
      <c r="D1540" s="3"/>
      <c r="E1540" s="3"/>
    </row>
    <row r="1541" spans="1:5" ht="13" customHeight="1" x14ac:dyDescent="0.35">
      <c r="A1541" s="3"/>
      <c r="C1541" s="3"/>
      <c r="D1541" s="3"/>
      <c r="E1541" s="3"/>
    </row>
    <row r="1542" spans="1:5" ht="13" customHeight="1" x14ac:dyDescent="0.35">
      <c r="A1542" s="3"/>
      <c r="C1542" s="3"/>
      <c r="D1542" s="3"/>
      <c r="E1542" s="3"/>
    </row>
    <row r="1543" spans="1:5" ht="13" customHeight="1" x14ac:dyDescent="0.35">
      <c r="A1543" s="3"/>
      <c r="C1543" s="3"/>
      <c r="D1543" s="3"/>
      <c r="E1543" s="3"/>
    </row>
    <row r="1544" spans="1:5" ht="13" customHeight="1" x14ac:dyDescent="0.35">
      <c r="A1544" s="3"/>
      <c r="C1544" s="3"/>
      <c r="D1544" s="3"/>
      <c r="E1544" s="3"/>
    </row>
    <row r="1545" spans="1:5" ht="13" customHeight="1" x14ac:dyDescent="0.35">
      <c r="A1545" s="3"/>
      <c r="C1545" s="3"/>
      <c r="D1545" s="3"/>
      <c r="E1545" s="3"/>
    </row>
    <row r="1546" spans="1:5" ht="13" customHeight="1" x14ac:dyDescent="0.35">
      <c r="A1546" s="3"/>
      <c r="C1546" s="3"/>
      <c r="D1546" s="3"/>
      <c r="E1546" s="3"/>
    </row>
    <row r="1547" spans="1:5" ht="13" customHeight="1" x14ac:dyDescent="0.35">
      <c r="A1547" s="3"/>
      <c r="C1547" s="3"/>
      <c r="D1547" s="3"/>
      <c r="E1547" s="3"/>
    </row>
    <row r="1548" spans="1:5" ht="13" customHeight="1" x14ac:dyDescent="0.35">
      <c r="A1548" s="3"/>
      <c r="C1548" s="3"/>
      <c r="D1548" s="3"/>
      <c r="E1548" s="3"/>
    </row>
    <row r="1549" spans="1:5" ht="13" customHeight="1" x14ac:dyDescent="0.35">
      <c r="A1549" s="3"/>
      <c r="C1549" s="3"/>
      <c r="D1549" s="3"/>
      <c r="E1549" s="3"/>
    </row>
    <row r="1550" spans="1:5" ht="13" customHeight="1" x14ac:dyDescent="0.35">
      <c r="A1550" s="3"/>
      <c r="C1550" s="3"/>
      <c r="D1550" s="3"/>
      <c r="E1550" s="3"/>
    </row>
    <row r="1551" spans="1:5" ht="13" customHeight="1" x14ac:dyDescent="0.35">
      <c r="A1551" s="3"/>
      <c r="C1551" s="3"/>
      <c r="D1551" s="3"/>
      <c r="E1551" s="3"/>
    </row>
    <row r="1552" spans="1:5" ht="13" customHeight="1" x14ac:dyDescent="0.35">
      <c r="A1552" s="3"/>
      <c r="C1552" s="3"/>
      <c r="D1552" s="3"/>
      <c r="E1552" s="3"/>
    </row>
    <row r="1553" spans="1:5" ht="13" customHeight="1" x14ac:dyDescent="0.35">
      <c r="A1553" s="3"/>
      <c r="C1553" s="3"/>
      <c r="D1553" s="3"/>
      <c r="E1553" s="3"/>
    </row>
    <row r="1554" spans="1:5" ht="13" customHeight="1" x14ac:dyDescent="0.35">
      <c r="A1554" s="3"/>
      <c r="C1554" s="3"/>
      <c r="D1554" s="3"/>
      <c r="E1554" s="3"/>
    </row>
    <row r="1555" spans="1:5" ht="13" customHeight="1" x14ac:dyDescent="0.35">
      <c r="A1555" s="3"/>
      <c r="C1555" s="3"/>
      <c r="D1555" s="3"/>
      <c r="E1555" s="3"/>
    </row>
    <row r="1556" spans="1:5" ht="13" customHeight="1" x14ac:dyDescent="0.35">
      <c r="A1556" s="3"/>
      <c r="C1556" s="3"/>
      <c r="D1556" s="3"/>
      <c r="E1556" s="3"/>
    </row>
    <row r="1557" spans="1:5" ht="13" customHeight="1" x14ac:dyDescent="0.35">
      <c r="A1557" s="3"/>
      <c r="C1557" s="3"/>
      <c r="D1557" s="3"/>
      <c r="E1557" s="3"/>
    </row>
    <row r="1558" spans="1:5" ht="13" customHeight="1" x14ac:dyDescent="0.35">
      <c r="A1558" s="3"/>
      <c r="C1558" s="3"/>
      <c r="D1558" s="3"/>
      <c r="E1558" s="3"/>
    </row>
    <row r="1559" spans="1:5" ht="13" customHeight="1" x14ac:dyDescent="0.35">
      <c r="A1559" s="3"/>
      <c r="C1559" s="3"/>
      <c r="D1559" s="3"/>
      <c r="E1559" s="3"/>
    </row>
    <row r="1560" spans="1:5" ht="13" customHeight="1" x14ac:dyDescent="0.35">
      <c r="A1560" s="3"/>
      <c r="C1560" s="3"/>
      <c r="D1560" s="3"/>
      <c r="E1560" s="3"/>
    </row>
    <row r="1561" spans="1:5" ht="13" customHeight="1" x14ac:dyDescent="0.35">
      <c r="A1561" s="3"/>
      <c r="C1561" s="3"/>
      <c r="D1561" s="3"/>
      <c r="E1561" s="3"/>
    </row>
    <row r="1562" spans="1:5" ht="13" customHeight="1" x14ac:dyDescent="0.35">
      <c r="A1562" s="3"/>
      <c r="C1562" s="3"/>
      <c r="D1562" s="3"/>
      <c r="E1562" s="3"/>
    </row>
    <row r="1563" spans="1:5" ht="13" customHeight="1" x14ac:dyDescent="0.35">
      <c r="A1563" s="3"/>
      <c r="C1563" s="3"/>
      <c r="D1563" s="3"/>
      <c r="E1563" s="3"/>
    </row>
    <row r="1564" spans="1:5" ht="13" customHeight="1" x14ac:dyDescent="0.35">
      <c r="A1564" s="3"/>
      <c r="C1564" s="3"/>
      <c r="D1564" s="3"/>
      <c r="E1564" s="3"/>
    </row>
    <row r="1565" spans="1:5" ht="13" customHeight="1" x14ac:dyDescent="0.35">
      <c r="A1565" s="3"/>
      <c r="C1565" s="3"/>
      <c r="D1565" s="3"/>
      <c r="E1565" s="3"/>
    </row>
    <row r="1566" spans="1:5" ht="13" customHeight="1" x14ac:dyDescent="0.35">
      <c r="A1566" s="3"/>
      <c r="C1566" s="3"/>
      <c r="D1566" s="3"/>
      <c r="E1566" s="3"/>
    </row>
    <row r="1567" spans="1:5" ht="13" customHeight="1" x14ac:dyDescent="0.35">
      <c r="A1567" s="3"/>
      <c r="C1567" s="3"/>
      <c r="D1567" s="3"/>
      <c r="E1567" s="3"/>
    </row>
    <row r="1568" spans="1:5" ht="13" customHeight="1" x14ac:dyDescent="0.35">
      <c r="A1568" s="3"/>
      <c r="C1568" s="3"/>
      <c r="D1568" s="3"/>
      <c r="E1568" s="3"/>
    </row>
    <row r="1569" spans="1:5" ht="13" customHeight="1" x14ac:dyDescent="0.35">
      <c r="A1569" s="3"/>
      <c r="C1569" s="3"/>
      <c r="D1569" s="3"/>
      <c r="E1569" s="3"/>
    </row>
    <row r="1570" spans="1:5" ht="13" customHeight="1" x14ac:dyDescent="0.35">
      <c r="A1570" s="3"/>
      <c r="C1570" s="3"/>
      <c r="D1570" s="3"/>
      <c r="E1570" s="3"/>
    </row>
    <row r="1571" spans="1:5" ht="13" customHeight="1" x14ac:dyDescent="0.35">
      <c r="A1571" s="3"/>
      <c r="C1571" s="3"/>
      <c r="D1571" s="3"/>
      <c r="E1571" s="3"/>
    </row>
    <row r="1572" spans="1:5" ht="13" customHeight="1" x14ac:dyDescent="0.35">
      <c r="A1572" s="3"/>
      <c r="C1572" s="3"/>
      <c r="D1572" s="3"/>
      <c r="E1572" s="3"/>
    </row>
    <row r="1573" spans="1:5" ht="13" customHeight="1" x14ac:dyDescent="0.35">
      <c r="A1573" s="3"/>
      <c r="C1573" s="3"/>
      <c r="D1573" s="3"/>
      <c r="E1573" s="3"/>
    </row>
    <row r="1574" spans="1:5" ht="13" customHeight="1" x14ac:dyDescent="0.35">
      <c r="A1574" s="3"/>
      <c r="C1574" s="3"/>
      <c r="D1574" s="3"/>
      <c r="E1574" s="3"/>
    </row>
    <row r="1575" spans="1:5" ht="13" customHeight="1" x14ac:dyDescent="0.35">
      <c r="A1575" s="3"/>
      <c r="C1575" s="3"/>
      <c r="D1575" s="3"/>
      <c r="E1575" s="3"/>
    </row>
    <row r="1576" spans="1:5" ht="13" customHeight="1" x14ac:dyDescent="0.35">
      <c r="A1576" s="3"/>
      <c r="C1576" s="3"/>
      <c r="D1576" s="3"/>
      <c r="E1576" s="3"/>
    </row>
    <row r="1577" spans="1:5" ht="13" customHeight="1" x14ac:dyDescent="0.35">
      <c r="A1577" s="3"/>
      <c r="C1577" s="3"/>
      <c r="D1577" s="3"/>
      <c r="E1577" s="3"/>
    </row>
    <row r="1578" spans="1:5" ht="13" customHeight="1" x14ac:dyDescent="0.35">
      <c r="A1578" s="3"/>
      <c r="C1578" s="3"/>
      <c r="D1578" s="3"/>
      <c r="E1578" s="3"/>
    </row>
    <row r="1579" spans="1:5" ht="13" customHeight="1" x14ac:dyDescent="0.35">
      <c r="A1579" s="3"/>
      <c r="C1579" s="3"/>
      <c r="D1579" s="3"/>
      <c r="E1579" s="3"/>
    </row>
    <row r="1580" spans="1:5" ht="13" customHeight="1" x14ac:dyDescent="0.35">
      <c r="A1580" s="3"/>
      <c r="C1580" s="3"/>
      <c r="D1580" s="3"/>
      <c r="E1580" s="3"/>
    </row>
    <row r="1581" spans="1:5" ht="13" customHeight="1" x14ac:dyDescent="0.35">
      <c r="A1581" s="3"/>
      <c r="C1581" s="3"/>
      <c r="D1581" s="3"/>
      <c r="E1581" s="3"/>
    </row>
    <row r="1582" spans="1:5" ht="13" customHeight="1" x14ac:dyDescent="0.35">
      <c r="A1582" s="3"/>
      <c r="C1582" s="3"/>
      <c r="D1582" s="3"/>
      <c r="E1582" s="3"/>
    </row>
    <row r="1583" spans="1:5" ht="13" customHeight="1" x14ac:dyDescent="0.35">
      <c r="A1583" s="3"/>
      <c r="C1583" s="3"/>
      <c r="D1583" s="3"/>
      <c r="E1583" s="3"/>
    </row>
    <row r="1584" spans="1:5" ht="13" customHeight="1" x14ac:dyDescent="0.35">
      <c r="A1584" s="3"/>
      <c r="C1584" s="3"/>
      <c r="D1584" s="3"/>
      <c r="E1584" s="3"/>
    </row>
    <row r="1585" spans="1:5" ht="13" customHeight="1" x14ac:dyDescent="0.35">
      <c r="A1585" s="3"/>
      <c r="C1585" s="3"/>
      <c r="D1585" s="3"/>
      <c r="E1585" s="3"/>
    </row>
    <row r="1586" spans="1:5" ht="13" customHeight="1" x14ac:dyDescent="0.35">
      <c r="A1586" s="3"/>
      <c r="C1586" s="3"/>
      <c r="D1586" s="3"/>
      <c r="E1586" s="3"/>
    </row>
    <row r="1587" spans="1:5" ht="13" customHeight="1" x14ac:dyDescent="0.35">
      <c r="A1587" s="3"/>
      <c r="C1587" s="3"/>
      <c r="D1587" s="3"/>
      <c r="E1587" s="3"/>
    </row>
    <row r="1588" spans="1:5" ht="13" customHeight="1" x14ac:dyDescent="0.35">
      <c r="A1588" s="3"/>
      <c r="C1588" s="3"/>
      <c r="D1588" s="3"/>
      <c r="E1588" s="3"/>
    </row>
    <row r="1589" spans="1:5" ht="13" customHeight="1" x14ac:dyDescent="0.35">
      <c r="A1589" s="3"/>
      <c r="C1589" s="3"/>
      <c r="D1589" s="3"/>
      <c r="E1589" s="3"/>
    </row>
    <row r="1590" spans="1:5" ht="13" customHeight="1" x14ac:dyDescent="0.35">
      <c r="A1590" s="3"/>
      <c r="C1590" s="3"/>
      <c r="D1590" s="3"/>
      <c r="E1590" s="3"/>
    </row>
    <row r="1591" spans="1:5" ht="13" customHeight="1" x14ac:dyDescent="0.35">
      <c r="A1591" s="3"/>
      <c r="C1591" s="3"/>
      <c r="D1591" s="3"/>
      <c r="E1591" s="3"/>
    </row>
    <row r="1592" spans="1:5" ht="13" customHeight="1" x14ac:dyDescent="0.35">
      <c r="A1592" s="3"/>
      <c r="C1592" s="3"/>
      <c r="D1592" s="3"/>
      <c r="E1592" s="3"/>
    </row>
    <row r="1593" spans="1:5" ht="13" customHeight="1" x14ac:dyDescent="0.35">
      <c r="A1593" s="3"/>
      <c r="C1593" s="3"/>
      <c r="D1593" s="3"/>
      <c r="E1593" s="3"/>
    </row>
    <row r="1594" spans="1:5" ht="13" customHeight="1" x14ac:dyDescent="0.35">
      <c r="A1594" s="3"/>
      <c r="C1594" s="3"/>
      <c r="D1594" s="3"/>
      <c r="E1594" s="3"/>
    </row>
    <row r="1595" spans="1:5" ht="13" customHeight="1" x14ac:dyDescent="0.35">
      <c r="A1595" s="3"/>
      <c r="C1595" s="3"/>
      <c r="D1595" s="3"/>
      <c r="E1595" s="3"/>
    </row>
    <row r="1596" spans="1:5" ht="13" customHeight="1" x14ac:dyDescent="0.35">
      <c r="A1596" s="3"/>
      <c r="C1596" s="3"/>
      <c r="D1596" s="3"/>
      <c r="E1596" s="3"/>
    </row>
    <row r="1597" spans="1:5" ht="13" customHeight="1" x14ac:dyDescent="0.35">
      <c r="A1597" s="3"/>
      <c r="C1597" s="3"/>
      <c r="D1597" s="3"/>
      <c r="E1597" s="3"/>
    </row>
    <row r="1598" spans="1:5" ht="13" customHeight="1" x14ac:dyDescent="0.35">
      <c r="A1598" s="3"/>
      <c r="C1598" s="3"/>
      <c r="D1598" s="3"/>
      <c r="E1598" s="3"/>
    </row>
    <row r="1599" spans="1:5" ht="13" customHeight="1" x14ac:dyDescent="0.35">
      <c r="A1599" s="3"/>
      <c r="C1599" s="3"/>
      <c r="D1599" s="3"/>
      <c r="E1599" s="3"/>
    </row>
    <row r="1600" spans="1:5" ht="13" customHeight="1" x14ac:dyDescent="0.35">
      <c r="A1600" s="3"/>
      <c r="C1600" s="3"/>
      <c r="D1600" s="3"/>
      <c r="E1600" s="3"/>
    </row>
    <row r="1601" spans="1:5" ht="13" customHeight="1" x14ac:dyDescent="0.35">
      <c r="A1601" s="3"/>
      <c r="C1601" s="3"/>
      <c r="D1601" s="3"/>
      <c r="E1601" s="3"/>
    </row>
    <row r="1602" spans="1:5" ht="13" customHeight="1" x14ac:dyDescent="0.35">
      <c r="A1602" s="3"/>
      <c r="C1602" s="3"/>
      <c r="D1602" s="3"/>
      <c r="E1602" s="3"/>
    </row>
    <row r="1603" spans="1:5" ht="13" customHeight="1" x14ac:dyDescent="0.35">
      <c r="A1603" s="3"/>
      <c r="C1603" s="3"/>
      <c r="D1603" s="3"/>
      <c r="E1603" s="3"/>
    </row>
    <row r="1604" spans="1:5" ht="13" customHeight="1" x14ac:dyDescent="0.35">
      <c r="A1604" s="3"/>
      <c r="C1604" s="3"/>
      <c r="D1604" s="3"/>
      <c r="E1604" s="3"/>
    </row>
    <row r="1605" spans="1:5" ht="13" customHeight="1" x14ac:dyDescent="0.35">
      <c r="A1605" s="3"/>
      <c r="C1605" s="3"/>
      <c r="D1605" s="3"/>
      <c r="E1605" s="3"/>
    </row>
    <row r="1606" spans="1:5" ht="13" customHeight="1" x14ac:dyDescent="0.35">
      <c r="A1606" s="3"/>
      <c r="C1606" s="3"/>
      <c r="D1606" s="3"/>
      <c r="E1606" s="3"/>
    </row>
    <row r="1607" spans="1:5" ht="13" customHeight="1" x14ac:dyDescent="0.35">
      <c r="A1607" s="3"/>
      <c r="C1607" s="3"/>
      <c r="D1607" s="3"/>
      <c r="E1607" s="3"/>
    </row>
    <row r="1608" spans="1:5" ht="13" customHeight="1" x14ac:dyDescent="0.35">
      <c r="A1608" s="3"/>
      <c r="C1608" s="3"/>
      <c r="D1608" s="3"/>
      <c r="E1608" s="3"/>
    </row>
    <row r="1609" spans="1:5" ht="13" customHeight="1" x14ac:dyDescent="0.35">
      <c r="A1609" s="3"/>
      <c r="C1609" s="3"/>
      <c r="D1609" s="3"/>
      <c r="E1609" s="3"/>
    </row>
    <row r="1610" spans="1:5" ht="13" customHeight="1" x14ac:dyDescent="0.35">
      <c r="A1610" s="3"/>
      <c r="C1610" s="3"/>
      <c r="D1610" s="3"/>
      <c r="E1610" s="3"/>
    </row>
    <row r="1611" spans="1:5" ht="13" customHeight="1" x14ac:dyDescent="0.35">
      <c r="A1611" s="3"/>
      <c r="C1611" s="3"/>
      <c r="D1611" s="3"/>
      <c r="E1611" s="3"/>
    </row>
    <row r="1612" spans="1:5" ht="13" customHeight="1" x14ac:dyDescent="0.35">
      <c r="A1612" s="3"/>
      <c r="C1612" s="3"/>
      <c r="D1612" s="3"/>
      <c r="E1612" s="3"/>
    </row>
    <row r="1613" spans="1:5" ht="13" customHeight="1" x14ac:dyDescent="0.35">
      <c r="A1613" s="3"/>
      <c r="C1613" s="3"/>
      <c r="D1613" s="3"/>
      <c r="E1613" s="3"/>
    </row>
    <row r="1614" spans="1:5" ht="13" customHeight="1" x14ac:dyDescent="0.35">
      <c r="A1614" s="3"/>
      <c r="C1614" s="3"/>
      <c r="D1614" s="3"/>
      <c r="E1614" s="3"/>
    </row>
    <row r="1615" spans="1:5" ht="13" customHeight="1" x14ac:dyDescent="0.35">
      <c r="A1615" s="3"/>
      <c r="C1615" s="3"/>
      <c r="D1615" s="3"/>
      <c r="E1615" s="3"/>
    </row>
    <row r="1616" spans="1:5" ht="13" customHeight="1" x14ac:dyDescent="0.35">
      <c r="A1616" s="3"/>
      <c r="C1616" s="3"/>
      <c r="D1616" s="3"/>
      <c r="E1616" s="3"/>
    </row>
    <row r="1617" spans="1:5" ht="13" customHeight="1" x14ac:dyDescent="0.35">
      <c r="A1617" s="3"/>
      <c r="C1617" s="3"/>
      <c r="D1617" s="3"/>
      <c r="E1617" s="3"/>
    </row>
    <row r="1618" spans="1:5" ht="13" customHeight="1" x14ac:dyDescent="0.35">
      <c r="A1618" s="3"/>
      <c r="C1618" s="3"/>
      <c r="D1618" s="3"/>
      <c r="E1618" s="3"/>
    </row>
    <row r="1619" spans="1:5" ht="13" customHeight="1" x14ac:dyDescent="0.35">
      <c r="A1619" s="3"/>
      <c r="C1619" s="3"/>
      <c r="D1619" s="3"/>
      <c r="E1619" s="3"/>
    </row>
    <row r="1620" spans="1:5" ht="13" customHeight="1" x14ac:dyDescent="0.35">
      <c r="A1620" s="3"/>
      <c r="C1620" s="3"/>
      <c r="D1620" s="3"/>
      <c r="E1620" s="3"/>
    </row>
    <row r="1621" spans="1:5" ht="13" customHeight="1" x14ac:dyDescent="0.35">
      <c r="A1621" s="3"/>
      <c r="C1621" s="3"/>
      <c r="D1621" s="3"/>
      <c r="E1621" s="3"/>
    </row>
    <row r="1622" spans="1:5" ht="13" customHeight="1" x14ac:dyDescent="0.35">
      <c r="A1622" s="3"/>
      <c r="C1622" s="3"/>
      <c r="D1622" s="3"/>
      <c r="E1622" s="3"/>
    </row>
    <row r="1623" spans="1:5" ht="13" customHeight="1" x14ac:dyDescent="0.35">
      <c r="A1623" s="3"/>
      <c r="C1623" s="3"/>
      <c r="D1623" s="3"/>
      <c r="E1623" s="3"/>
    </row>
    <row r="1624" spans="1:5" ht="13" customHeight="1" x14ac:dyDescent="0.35">
      <c r="A1624" s="3"/>
      <c r="C1624" s="3"/>
      <c r="D1624" s="3"/>
      <c r="E1624" s="3"/>
    </row>
    <row r="1625" spans="1:5" ht="13" customHeight="1" x14ac:dyDescent="0.35">
      <c r="A1625" s="3"/>
      <c r="C1625" s="3"/>
      <c r="D1625" s="3"/>
      <c r="E1625" s="3"/>
    </row>
    <row r="1626" spans="1:5" ht="13" customHeight="1" x14ac:dyDescent="0.35">
      <c r="A1626" s="3"/>
      <c r="C1626" s="3"/>
      <c r="D1626" s="3"/>
      <c r="E1626" s="3"/>
    </row>
    <row r="1627" spans="1:5" ht="13" customHeight="1" x14ac:dyDescent="0.35">
      <c r="A1627" s="3"/>
      <c r="C1627" s="3"/>
      <c r="D1627" s="3"/>
      <c r="E1627" s="3"/>
    </row>
    <row r="1628" spans="1:5" ht="13" customHeight="1" x14ac:dyDescent="0.35">
      <c r="A1628" s="3"/>
      <c r="C1628" s="3"/>
      <c r="D1628" s="3"/>
      <c r="E1628" s="3"/>
    </row>
    <row r="1629" spans="1:5" ht="13" customHeight="1" x14ac:dyDescent="0.35">
      <c r="A1629" s="3"/>
      <c r="C1629" s="3"/>
      <c r="D1629" s="3"/>
      <c r="E1629" s="3"/>
    </row>
    <row r="1630" spans="1:5" ht="13" customHeight="1" x14ac:dyDescent="0.35">
      <c r="A1630" s="3"/>
      <c r="C1630" s="3"/>
      <c r="D1630" s="3"/>
      <c r="E1630" s="3"/>
    </row>
    <row r="1631" spans="1:5" ht="13" customHeight="1" x14ac:dyDescent="0.35">
      <c r="A1631" s="3"/>
      <c r="C1631" s="3"/>
      <c r="D1631" s="3"/>
      <c r="E1631" s="3"/>
    </row>
    <row r="1632" spans="1:5" ht="13" customHeight="1" x14ac:dyDescent="0.35">
      <c r="A1632" s="3"/>
      <c r="C1632" s="3"/>
      <c r="D1632" s="3"/>
      <c r="E1632" s="3"/>
    </row>
    <row r="1633" spans="1:5" ht="13" customHeight="1" x14ac:dyDescent="0.35">
      <c r="A1633" s="3"/>
      <c r="C1633" s="3"/>
      <c r="D1633" s="3"/>
      <c r="E1633" s="3"/>
    </row>
    <row r="1634" spans="1:5" ht="13" customHeight="1" x14ac:dyDescent="0.35">
      <c r="A1634" s="3"/>
      <c r="C1634" s="3"/>
      <c r="D1634" s="3"/>
      <c r="E1634" s="3"/>
    </row>
    <row r="1635" spans="1:5" ht="13" customHeight="1" x14ac:dyDescent="0.35">
      <c r="A1635" s="3"/>
      <c r="C1635" s="3"/>
      <c r="D1635" s="3"/>
      <c r="E1635" s="3"/>
    </row>
    <row r="1636" spans="1:5" ht="13" customHeight="1" x14ac:dyDescent="0.35">
      <c r="A1636" s="3"/>
      <c r="C1636" s="3"/>
      <c r="D1636" s="3"/>
      <c r="E1636" s="3"/>
    </row>
    <row r="1637" spans="1:5" ht="13" customHeight="1" x14ac:dyDescent="0.35">
      <c r="A1637" s="3"/>
      <c r="C1637" s="3"/>
      <c r="D1637" s="3"/>
      <c r="E1637" s="3"/>
    </row>
    <row r="1638" spans="1:5" ht="13" customHeight="1" x14ac:dyDescent="0.35">
      <c r="A1638" s="3"/>
      <c r="C1638" s="3"/>
      <c r="D1638" s="3"/>
      <c r="E1638" s="3"/>
    </row>
    <row r="1639" spans="1:5" ht="13" customHeight="1" x14ac:dyDescent="0.35">
      <c r="A1639" s="3"/>
      <c r="C1639" s="3"/>
      <c r="D1639" s="3"/>
      <c r="E1639" s="3"/>
    </row>
    <row r="1640" spans="1:5" ht="13" customHeight="1" x14ac:dyDescent="0.35">
      <c r="A1640" s="3"/>
      <c r="C1640" s="3"/>
      <c r="D1640" s="3"/>
      <c r="E1640" s="3"/>
    </row>
    <row r="1641" spans="1:5" ht="13" customHeight="1" x14ac:dyDescent="0.35">
      <c r="A1641" s="3"/>
      <c r="C1641" s="3"/>
      <c r="D1641" s="3"/>
      <c r="E1641" s="3"/>
    </row>
    <row r="1642" spans="1:5" ht="13" customHeight="1" x14ac:dyDescent="0.35">
      <c r="A1642" s="3"/>
      <c r="C1642" s="3"/>
      <c r="D1642" s="3"/>
      <c r="E1642" s="3"/>
    </row>
    <row r="1643" spans="1:5" ht="13" customHeight="1" x14ac:dyDescent="0.35">
      <c r="A1643" s="3"/>
      <c r="C1643" s="3"/>
      <c r="D1643" s="3"/>
      <c r="E1643" s="3"/>
    </row>
    <row r="1644" spans="1:5" ht="13" customHeight="1" x14ac:dyDescent="0.35">
      <c r="A1644" s="3"/>
      <c r="C1644" s="3"/>
      <c r="D1644" s="3"/>
      <c r="E1644" s="3"/>
    </row>
    <row r="1645" spans="1:5" ht="13" customHeight="1" x14ac:dyDescent="0.35">
      <c r="A1645" s="3"/>
      <c r="C1645" s="3"/>
      <c r="D1645" s="3"/>
      <c r="E1645" s="3"/>
    </row>
    <row r="1646" spans="1:5" ht="13" customHeight="1" x14ac:dyDescent="0.35">
      <c r="A1646" s="3"/>
      <c r="C1646" s="3"/>
      <c r="D1646" s="3"/>
      <c r="E1646" s="3"/>
    </row>
    <row r="1647" spans="1:5" ht="13" customHeight="1" x14ac:dyDescent="0.35">
      <c r="A1647" s="3"/>
      <c r="C1647" s="3"/>
      <c r="D1647" s="3"/>
      <c r="E1647" s="3"/>
    </row>
    <row r="1648" spans="1:5" ht="13" customHeight="1" x14ac:dyDescent="0.35">
      <c r="A1648" s="3"/>
      <c r="C1648" s="3"/>
      <c r="D1648" s="3"/>
      <c r="E1648" s="3"/>
    </row>
    <row r="1649" spans="1:5" ht="13" customHeight="1" x14ac:dyDescent="0.35">
      <c r="A1649" s="3"/>
      <c r="C1649" s="3"/>
      <c r="D1649" s="3"/>
      <c r="E1649" s="3"/>
    </row>
    <row r="1650" spans="1:5" ht="13" customHeight="1" x14ac:dyDescent="0.35">
      <c r="A1650" s="3"/>
      <c r="C1650" s="3"/>
      <c r="D1650" s="3"/>
      <c r="E1650" s="3"/>
    </row>
    <row r="1651" spans="1:5" ht="13" customHeight="1" x14ac:dyDescent="0.35">
      <c r="A1651" s="3"/>
      <c r="C1651" s="3"/>
      <c r="D1651" s="3"/>
      <c r="E1651" s="3"/>
    </row>
    <row r="1652" spans="1:5" ht="13" customHeight="1" x14ac:dyDescent="0.35">
      <c r="A1652" s="3"/>
      <c r="C1652" s="3"/>
      <c r="D1652" s="3"/>
      <c r="E1652" s="3"/>
    </row>
    <row r="1653" spans="1:5" ht="13" customHeight="1" x14ac:dyDescent="0.35">
      <c r="A1653" s="3"/>
      <c r="C1653" s="3"/>
      <c r="D1653" s="3"/>
      <c r="E1653" s="3"/>
    </row>
    <row r="1654" spans="1:5" ht="13" customHeight="1" x14ac:dyDescent="0.35">
      <c r="A1654" s="3"/>
      <c r="C1654" s="3"/>
      <c r="D1654" s="3"/>
      <c r="E1654" s="3"/>
    </row>
    <row r="1655" spans="1:5" ht="13" customHeight="1" x14ac:dyDescent="0.35">
      <c r="A1655" s="3"/>
      <c r="C1655" s="3"/>
      <c r="D1655" s="3"/>
      <c r="E1655" s="3"/>
    </row>
    <row r="1656" spans="1:5" ht="13" customHeight="1" x14ac:dyDescent="0.35">
      <c r="A1656" s="3"/>
      <c r="C1656" s="3"/>
      <c r="D1656" s="3"/>
      <c r="E1656" s="3"/>
    </row>
    <row r="1657" spans="1:5" ht="13" customHeight="1" x14ac:dyDescent="0.35">
      <c r="A1657" s="3"/>
      <c r="C1657" s="3"/>
      <c r="D1657" s="3"/>
      <c r="E1657" s="3"/>
    </row>
    <row r="1658" spans="1:5" ht="13" customHeight="1" x14ac:dyDescent="0.35">
      <c r="A1658" s="3"/>
      <c r="C1658" s="3"/>
      <c r="D1658" s="3"/>
      <c r="E1658" s="3"/>
    </row>
    <row r="1659" spans="1:5" ht="13" customHeight="1" x14ac:dyDescent="0.35">
      <c r="A1659" s="3"/>
      <c r="C1659" s="3"/>
      <c r="D1659" s="3"/>
      <c r="E1659" s="3"/>
    </row>
    <row r="1660" spans="1:5" ht="13" customHeight="1" x14ac:dyDescent="0.35">
      <c r="A1660" s="3"/>
      <c r="C1660" s="3"/>
      <c r="D1660" s="3"/>
      <c r="E1660" s="3"/>
    </row>
    <row r="1661" spans="1:5" ht="13" customHeight="1" x14ac:dyDescent="0.35">
      <c r="A1661" s="3"/>
      <c r="C1661" s="3"/>
      <c r="D1661" s="3"/>
      <c r="E1661" s="3"/>
    </row>
    <row r="1662" spans="1:5" ht="13" customHeight="1" x14ac:dyDescent="0.35">
      <c r="A1662" s="3"/>
      <c r="C1662" s="3"/>
      <c r="D1662" s="3"/>
      <c r="E1662" s="3"/>
    </row>
    <row r="1663" spans="1:5" ht="13" customHeight="1" x14ac:dyDescent="0.35">
      <c r="A1663" s="3"/>
      <c r="C1663" s="3"/>
      <c r="D1663" s="3"/>
      <c r="E1663" s="3"/>
    </row>
    <row r="1664" spans="1:5" ht="13" customHeight="1" x14ac:dyDescent="0.35">
      <c r="A1664" s="3"/>
      <c r="C1664" s="3"/>
      <c r="D1664" s="3"/>
      <c r="E1664" s="3"/>
    </row>
    <row r="1665" spans="1:5" ht="13" customHeight="1" x14ac:dyDescent="0.35">
      <c r="A1665" s="3"/>
      <c r="C1665" s="3"/>
      <c r="D1665" s="3"/>
      <c r="E1665" s="3"/>
    </row>
    <row r="1666" spans="1:5" ht="13" customHeight="1" x14ac:dyDescent="0.35">
      <c r="A1666" s="3"/>
      <c r="C1666" s="3"/>
      <c r="D1666" s="3"/>
      <c r="E1666" s="3"/>
    </row>
    <row r="1667" spans="1:5" ht="13" customHeight="1" x14ac:dyDescent="0.35">
      <c r="A1667" s="3"/>
      <c r="C1667" s="3"/>
      <c r="D1667" s="3"/>
      <c r="E1667" s="3"/>
    </row>
    <row r="1668" spans="1:5" ht="13" customHeight="1" x14ac:dyDescent="0.35">
      <c r="A1668" s="3"/>
      <c r="C1668" s="3"/>
      <c r="D1668" s="3"/>
      <c r="E1668" s="3"/>
    </row>
    <row r="1669" spans="1:5" ht="13" customHeight="1" x14ac:dyDescent="0.35">
      <c r="A1669" s="3"/>
      <c r="C1669" s="3"/>
      <c r="D1669" s="3"/>
      <c r="E1669" s="3"/>
    </row>
    <row r="1670" spans="1:5" ht="13" customHeight="1" x14ac:dyDescent="0.35">
      <c r="A1670" s="3"/>
      <c r="C1670" s="3"/>
      <c r="D1670" s="3"/>
      <c r="E1670" s="3"/>
    </row>
    <row r="1671" spans="1:5" ht="13" customHeight="1" x14ac:dyDescent="0.35">
      <c r="A1671" s="3"/>
      <c r="C1671" s="3"/>
      <c r="D1671" s="3"/>
      <c r="E1671" s="3"/>
    </row>
    <row r="1672" spans="1:5" ht="13" customHeight="1" x14ac:dyDescent="0.35">
      <c r="A1672" s="3"/>
      <c r="C1672" s="3"/>
      <c r="D1672" s="3"/>
      <c r="E1672" s="3"/>
    </row>
    <row r="1673" spans="1:5" ht="13" customHeight="1" x14ac:dyDescent="0.35">
      <c r="A1673" s="3"/>
      <c r="C1673" s="3"/>
      <c r="D1673" s="3"/>
      <c r="E1673" s="3"/>
    </row>
    <row r="1674" spans="1:5" ht="13" customHeight="1" x14ac:dyDescent="0.35">
      <c r="A1674" s="3"/>
      <c r="C1674" s="3"/>
      <c r="D1674" s="3"/>
      <c r="E1674" s="3"/>
    </row>
    <row r="1675" spans="1:5" ht="13" customHeight="1" x14ac:dyDescent="0.35">
      <c r="A1675" s="3"/>
      <c r="C1675" s="3"/>
      <c r="D1675" s="3"/>
      <c r="E1675" s="3"/>
    </row>
    <row r="1676" spans="1:5" ht="13" customHeight="1" x14ac:dyDescent="0.35">
      <c r="A1676" s="3"/>
      <c r="C1676" s="3"/>
      <c r="D1676" s="3"/>
      <c r="E1676" s="3"/>
    </row>
    <row r="1677" spans="1:5" ht="13" customHeight="1" x14ac:dyDescent="0.35">
      <c r="A1677" s="3"/>
      <c r="C1677" s="3"/>
      <c r="D1677" s="3"/>
      <c r="E1677" s="3"/>
    </row>
    <row r="1678" spans="1:5" ht="13" customHeight="1" x14ac:dyDescent="0.35">
      <c r="A1678" s="3"/>
      <c r="C1678" s="3"/>
      <c r="D1678" s="3"/>
      <c r="E1678" s="3"/>
    </row>
    <row r="1679" spans="1:5" ht="13" customHeight="1" x14ac:dyDescent="0.35">
      <c r="A1679" s="3"/>
      <c r="C1679" s="3"/>
      <c r="D1679" s="3"/>
      <c r="E1679" s="3"/>
    </row>
    <row r="1680" spans="1:5" ht="13" customHeight="1" x14ac:dyDescent="0.35">
      <c r="A1680" s="3"/>
      <c r="C1680" s="3"/>
      <c r="D1680" s="3"/>
      <c r="E1680" s="3"/>
    </row>
    <row r="1681" spans="1:5" ht="13" customHeight="1" x14ac:dyDescent="0.35">
      <c r="A1681" s="3"/>
      <c r="C1681" s="3"/>
      <c r="D1681" s="3"/>
      <c r="E1681" s="3"/>
    </row>
    <row r="1682" spans="1:5" ht="13" customHeight="1" x14ac:dyDescent="0.35">
      <c r="A1682" s="3"/>
      <c r="C1682" s="3"/>
      <c r="D1682" s="3"/>
      <c r="E1682" s="3"/>
    </row>
    <row r="1683" spans="1:5" ht="13" customHeight="1" x14ac:dyDescent="0.35">
      <c r="A1683" s="3"/>
      <c r="C1683" s="3"/>
      <c r="D1683" s="3"/>
      <c r="E1683" s="3"/>
    </row>
    <row r="1684" spans="1:5" ht="13" customHeight="1" x14ac:dyDescent="0.35">
      <c r="A1684" s="3"/>
      <c r="C1684" s="3"/>
      <c r="D1684" s="3"/>
      <c r="E1684" s="3"/>
    </row>
    <row r="1685" spans="1:5" ht="13" customHeight="1" x14ac:dyDescent="0.35">
      <c r="A1685" s="3"/>
      <c r="C1685" s="3"/>
      <c r="D1685" s="3"/>
      <c r="E1685" s="3"/>
    </row>
    <row r="1686" spans="1:5" ht="13" customHeight="1" x14ac:dyDescent="0.35">
      <c r="A1686" s="3"/>
      <c r="C1686" s="3"/>
      <c r="D1686" s="3"/>
      <c r="E1686" s="3"/>
    </row>
    <row r="1687" spans="1:5" ht="13" customHeight="1" x14ac:dyDescent="0.35">
      <c r="A1687" s="3"/>
      <c r="C1687" s="3"/>
      <c r="D1687" s="3"/>
      <c r="E1687" s="3"/>
    </row>
    <row r="1688" spans="1:5" ht="13" customHeight="1" x14ac:dyDescent="0.35">
      <c r="A1688" s="3"/>
      <c r="C1688" s="3"/>
      <c r="D1688" s="3"/>
      <c r="E1688" s="3"/>
    </row>
    <row r="1689" spans="1:5" ht="13" customHeight="1" x14ac:dyDescent="0.35">
      <c r="A1689" s="3"/>
      <c r="C1689" s="3"/>
      <c r="D1689" s="3"/>
      <c r="E1689" s="3"/>
    </row>
    <row r="1690" spans="1:5" ht="13" customHeight="1" x14ac:dyDescent="0.35">
      <c r="A1690" s="3"/>
      <c r="C1690" s="3"/>
      <c r="D1690" s="3"/>
      <c r="E1690" s="3"/>
    </row>
    <row r="1691" spans="1:5" ht="13" customHeight="1" x14ac:dyDescent="0.35">
      <c r="A1691" s="3"/>
      <c r="C1691" s="3"/>
      <c r="D1691" s="3"/>
      <c r="E1691" s="3"/>
    </row>
    <row r="1692" spans="1:5" ht="13" customHeight="1" x14ac:dyDescent="0.35">
      <c r="A1692" s="3"/>
      <c r="C1692" s="3"/>
      <c r="D1692" s="3"/>
      <c r="E1692" s="3"/>
    </row>
    <row r="1693" spans="1:5" ht="13" customHeight="1" x14ac:dyDescent="0.35">
      <c r="A1693" s="3"/>
      <c r="C1693" s="3"/>
      <c r="D1693" s="3"/>
      <c r="E1693" s="3"/>
    </row>
    <row r="1694" spans="1:5" ht="13" customHeight="1" x14ac:dyDescent="0.35">
      <c r="A1694" s="3"/>
      <c r="C1694" s="3"/>
      <c r="D1694" s="3"/>
      <c r="E1694" s="3"/>
    </row>
    <row r="1695" spans="1:5" ht="13" customHeight="1" x14ac:dyDescent="0.35">
      <c r="A1695" s="3"/>
      <c r="C1695" s="3"/>
      <c r="D1695" s="3"/>
      <c r="E1695" s="3"/>
    </row>
    <row r="1696" spans="1:5" ht="13" customHeight="1" x14ac:dyDescent="0.35">
      <c r="A1696" s="3"/>
      <c r="C1696" s="3"/>
      <c r="D1696" s="3"/>
      <c r="E1696" s="3"/>
    </row>
    <row r="1697" spans="1:5" ht="13" customHeight="1" x14ac:dyDescent="0.35">
      <c r="A1697" s="3"/>
      <c r="C1697" s="3"/>
      <c r="D1697" s="3"/>
      <c r="E1697" s="3"/>
    </row>
    <row r="1698" spans="1:5" ht="13" customHeight="1" x14ac:dyDescent="0.35">
      <c r="A1698" s="3"/>
      <c r="C1698" s="3"/>
      <c r="D1698" s="3"/>
      <c r="E1698" s="3"/>
    </row>
    <row r="1699" spans="1:5" ht="13" customHeight="1" x14ac:dyDescent="0.35">
      <c r="A1699" s="3"/>
      <c r="C1699" s="3"/>
      <c r="D1699" s="3"/>
      <c r="E1699" s="3"/>
    </row>
    <row r="1700" spans="1:5" ht="13" customHeight="1" x14ac:dyDescent="0.35">
      <c r="A1700" s="3"/>
      <c r="C1700" s="3"/>
      <c r="D1700" s="3"/>
      <c r="E1700" s="3"/>
    </row>
    <row r="1701" spans="1:5" ht="13" customHeight="1" x14ac:dyDescent="0.35">
      <c r="A1701" s="3"/>
      <c r="C1701" s="3"/>
      <c r="D1701" s="3"/>
      <c r="E1701" s="3"/>
    </row>
    <row r="1702" spans="1:5" ht="13" customHeight="1" x14ac:dyDescent="0.35">
      <c r="A1702" s="3"/>
      <c r="C1702" s="3"/>
      <c r="D1702" s="3"/>
      <c r="E1702" s="3"/>
    </row>
    <row r="1703" spans="1:5" ht="13" customHeight="1" x14ac:dyDescent="0.35">
      <c r="A1703" s="3"/>
      <c r="C1703" s="3"/>
      <c r="D1703" s="3"/>
      <c r="E1703" s="3"/>
    </row>
    <row r="1704" spans="1:5" ht="13" customHeight="1" x14ac:dyDescent="0.35">
      <c r="A1704" s="3"/>
      <c r="C1704" s="3"/>
      <c r="D1704" s="3"/>
      <c r="E1704" s="3"/>
    </row>
    <row r="1705" spans="1:5" ht="13" customHeight="1" x14ac:dyDescent="0.35">
      <c r="A1705" s="3"/>
      <c r="C1705" s="3"/>
      <c r="D1705" s="3"/>
      <c r="E1705" s="3"/>
    </row>
    <row r="1706" spans="1:5" ht="13" customHeight="1" x14ac:dyDescent="0.35">
      <c r="A1706" s="3"/>
      <c r="C1706" s="3"/>
      <c r="D1706" s="3"/>
      <c r="E1706" s="3"/>
    </row>
    <row r="1707" spans="1:5" ht="13" customHeight="1" x14ac:dyDescent="0.35">
      <c r="A1707" s="3"/>
      <c r="C1707" s="3"/>
      <c r="D1707" s="3"/>
      <c r="E1707" s="3"/>
    </row>
    <row r="1708" spans="1:5" ht="13" customHeight="1" x14ac:dyDescent="0.35">
      <c r="A1708" s="3"/>
      <c r="C1708" s="3"/>
      <c r="D1708" s="3"/>
      <c r="E1708" s="3"/>
    </row>
    <row r="1709" spans="1:5" ht="13" customHeight="1" x14ac:dyDescent="0.35">
      <c r="A1709" s="3"/>
      <c r="C1709" s="3"/>
      <c r="D1709" s="3"/>
      <c r="E1709" s="3"/>
    </row>
    <row r="1710" spans="1:5" ht="13" customHeight="1" x14ac:dyDescent="0.35">
      <c r="A1710" s="3"/>
      <c r="C1710" s="3"/>
      <c r="D1710" s="3"/>
      <c r="E1710" s="3"/>
    </row>
    <row r="1711" spans="1:5" ht="13" customHeight="1" x14ac:dyDescent="0.35">
      <c r="A1711" s="3"/>
      <c r="C1711" s="3"/>
      <c r="D1711" s="3"/>
      <c r="E1711" s="3"/>
    </row>
    <row r="1712" spans="1:5" ht="13" customHeight="1" x14ac:dyDescent="0.35">
      <c r="A1712" s="3"/>
      <c r="C1712" s="3"/>
      <c r="D1712" s="3"/>
      <c r="E1712" s="3"/>
    </row>
    <row r="1713" spans="1:5" ht="13" customHeight="1" x14ac:dyDescent="0.35">
      <c r="A1713" s="3"/>
      <c r="C1713" s="3"/>
      <c r="D1713" s="3"/>
      <c r="E1713" s="3"/>
    </row>
    <row r="1714" spans="1:5" ht="13" customHeight="1" x14ac:dyDescent="0.35">
      <c r="A1714" s="3"/>
      <c r="C1714" s="3"/>
      <c r="D1714" s="3"/>
      <c r="E1714" s="3"/>
    </row>
    <row r="1715" spans="1:5" ht="13" customHeight="1" x14ac:dyDescent="0.35">
      <c r="A1715" s="3"/>
      <c r="C1715" s="3"/>
      <c r="D1715" s="3"/>
      <c r="E1715" s="3"/>
    </row>
    <row r="1716" spans="1:5" ht="13" customHeight="1" x14ac:dyDescent="0.35">
      <c r="A1716" s="3"/>
      <c r="C1716" s="3"/>
      <c r="D1716" s="3"/>
      <c r="E1716" s="3"/>
    </row>
    <row r="1717" spans="1:5" ht="13" customHeight="1" x14ac:dyDescent="0.35">
      <c r="A1717" s="3"/>
      <c r="C1717" s="3"/>
      <c r="D1717" s="3"/>
      <c r="E1717" s="3"/>
    </row>
    <row r="1718" spans="1:5" ht="13" customHeight="1" x14ac:dyDescent="0.35">
      <c r="A1718" s="3"/>
      <c r="C1718" s="3"/>
      <c r="D1718" s="3"/>
      <c r="E1718" s="3"/>
    </row>
    <row r="1719" spans="1:5" ht="13" customHeight="1" x14ac:dyDescent="0.35">
      <c r="A1719" s="3"/>
      <c r="C1719" s="3"/>
      <c r="D1719" s="3"/>
      <c r="E1719" s="3"/>
    </row>
    <row r="1720" spans="1:5" ht="13" customHeight="1" x14ac:dyDescent="0.35">
      <c r="A1720" s="3"/>
      <c r="C1720" s="3"/>
      <c r="D1720" s="3"/>
      <c r="E1720" s="3"/>
    </row>
    <row r="1721" spans="1:5" ht="13" customHeight="1" x14ac:dyDescent="0.35">
      <c r="A1721" s="3"/>
      <c r="C1721" s="3"/>
      <c r="D1721" s="3"/>
      <c r="E1721" s="3"/>
    </row>
    <row r="1722" spans="1:5" ht="13" customHeight="1" x14ac:dyDescent="0.35">
      <c r="A1722" s="3"/>
      <c r="C1722" s="3"/>
      <c r="D1722" s="3"/>
      <c r="E1722" s="3"/>
    </row>
    <row r="1723" spans="1:5" ht="13" customHeight="1" x14ac:dyDescent="0.35">
      <c r="A1723" s="3"/>
      <c r="C1723" s="3"/>
      <c r="D1723" s="3"/>
      <c r="E1723" s="3"/>
    </row>
    <row r="1724" spans="1:5" ht="13" customHeight="1" x14ac:dyDescent="0.35">
      <c r="A1724" s="3"/>
      <c r="C1724" s="3"/>
      <c r="D1724" s="3"/>
      <c r="E1724" s="3"/>
    </row>
    <row r="1725" spans="1:5" ht="13" customHeight="1" x14ac:dyDescent="0.35">
      <c r="A1725" s="3"/>
      <c r="C1725" s="3"/>
      <c r="D1725" s="3"/>
      <c r="E1725" s="3"/>
    </row>
    <row r="1726" spans="1:5" ht="13" customHeight="1" x14ac:dyDescent="0.35">
      <c r="A1726" s="3"/>
      <c r="C1726" s="3"/>
      <c r="D1726" s="3"/>
      <c r="E1726" s="3"/>
    </row>
    <row r="1727" spans="1:5" ht="13" customHeight="1" x14ac:dyDescent="0.35">
      <c r="A1727" s="3"/>
      <c r="C1727" s="3"/>
      <c r="D1727" s="3"/>
      <c r="E1727" s="3"/>
    </row>
    <row r="1728" spans="1:5" ht="13" customHeight="1" x14ac:dyDescent="0.35">
      <c r="A1728" s="3"/>
      <c r="C1728" s="3"/>
      <c r="D1728" s="3"/>
      <c r="E1728" s="3"/>
    </row>
    <row r="1729" spans="1:5" ht="13" customHeight="1" x14ac:dyDescent="0.35">
      <c r="A1729" s="3"/>
      <c r="C1729" s="3"/>
      <c r="D1729" s="3"/>
      <c r="E1729" s="3"/>
    </row>
    <row r="1730" spans="1:5" ht="13" customHeight="1" x14ac:dyDescent="0.35">
      <c r="A1730" s="3"/>
      <c r="C1730" s="3"/>
      <c r="D1730" s="3"/>
      <c r="E1730" s="3"/>
    </row>
    <row r="1731" spans="1:5" ht="13" customHeight="1" x14ac:dyDescent="0.35">
      <c r="A1731" s="3"/>
      <c r="C1731" s="3"/>
      <c r="D1731" s="3"/>
      <c r="E1731" s="3"/>
    </row>
    <row r="1732" spans="1:5" ht="13" customHeight="1" x14ac:dyDescent="0.35">
      <c r="A1732" s="3"/>
      <c r="C1732" s="3"/>
      <c r="D1732" s="3"/>
      <c r="E1732" s="3"/>
    </row>
    <row r="1733" spans="1:5" ht="13" customHeight="1" x14ac:dyDescent="0.35">
      <c r="A1733" s="3"/>
      <c r="C1733" s="3"/>
      <c r="D1733" s="3"/>
      <c r="E1733" s="3"/>
    </row>
    <row r="1734" spans="1:5" ht="13" customHeight="1" x14ac:dyDescent="0.35">
      <c r="A1734" s="3"/>
      <c r="C1734" s="3"/>
      <c r="D1734" s="3"/>
      <c r="E1734" s="3"/>
    </row>
    <row r="1735" spans="1:5" ht="13" customHeight="1" x14ac:dyDescent="0.35">
      <c r="A1735" s="3"/>
      <c r="C1735" s="3"/>
      <c r="D1735" s="3"/>
      <c r="E1735" s="3"/>
    </row>
    <row r="1736" spans="1:5" ht="13" customHeight="1" x14ac:dyDescent="0.35">
      <c r="A1736" s="3"/>
      <c r="C1736" s="3"/>
      <c r="D1736" s="3"/>
      <c r="E1736" s="3"/>
    </row>
    <row r="1737" spans="1:5" ht="13" customHeight="1" x14ac:dyDescent="0.35">
      <c r="A1737" s="3"/>
      <c r="C1737" s="3"/>
      <c r="D1737" s="3"/>
      <c r="E1737" s="3"/>
    </row>
    <row r="1738" spans="1:5" ht="13" customHeight="1" x14ac:dyDescent="0.35">
      <c r="A1738" s="3"/>
      <c r="C1738" s="3"/>
      <c r="D1738" s="3"/>
      <c r="E1738" s="3"/>
    </row>
    <row r="1739" spans="1:5" ht="13" customHeight="1" x14ac:dyDescent="0.35">
      <c r="A1739" s="3"/>
      <c r="C1739" s="3"/>
      <c r="D1739" s="3"/>
      <c r="E1739" s="3"/>
    </row>
    <row r="1740" spans="1:5" ht="13" customHeight="1" x14ac:dyDescent="0.35">
      <c r="A1740" s="3"/>
      <c r="C1740" s="3"/>
      <c r="D1740" s="3"/>
      <c r="E1740" s="3"/>
    </row>
    <row r="1741" spans="1:5" ht="13" customHeight="1" x14ac:dyDescent="0.35">
      <c r="A1741" s="3"/>
      <c r="C1741" s="3"/>
      <c r="D1741" s="3"/>
      <c r="E1741" s="3"/>
    </row>
    <row r="1742" spans="1:5" ht="13" customHeight="1" x14ac:dyDescent="0.35">
      <c r="A1742" s="3"/>
      <c r="C1742" s="3"/>
      <c r="D1742" s="3"/>
      <c r="E1742" s="3"/>
    </row>
    <row r="1743" spans="1:5" ht="13" customHeight="1" x14ac:dyDescent="0.35">
      <c r="A1743" s="3"/>
      <c r="C1743" s="3"/>
      <c r="D1743" s="3"/>
      <c r="E1743" s="3"/>
    </row>
    <row r="1744" spans="1:5" ht="13" customHeight="1" x14ac:dyDescent="0.35">
      <c r="A1744" s="3"/>
      <c r="C1744" s="3"/>
      <c r="D1744" s="3"/>
      <c r="E1744" s="3"/>
    </row>
    <row r="1745" spans="1:5" ht="13" customHeight="1" x14ac:dyDescent="0.35">
      <c r="A1745" s="3"/>
      <c r="C1745" s="3"/>
      <c r="D1745" s="3"/>
      <c r="E1745" s="3"/>
    </row>
    <row r="1746" spans="1:5" ht="13" customHeight="1" x14ac:dyDescent="0.35">
      <c r="A1746" s="3"/>
      <c r="C1746" s="3"/>
      <c r="D1746" s="3"/>
      <c r="E1746" s="3"/>
    </row>
    <row r="1747" spans="1:5" ht="13" customHeight="1" x14ac:dyDescent="0.35">
      <c r="A1747" s="3"/>
      <c r="C1747" s="3"/>
      <c r="D1747" s="3"/>
      <c r="E1747" s="3"/>
    </row>
    <row r="1748" spans="1:5" ht="13" customHeight="1" x14ac:dyDescent="0.35">
      <c r="A1748" s="3"/>
      <c r="C1748" s="3"/>
      <c r="D1748" s="3"/>
      <c r="E1748" s="3"/>
    </row>
    <row r="1749" spans="1:5" ht="13" customHeight="1" x14ac:dyDescent="0.35">
      <c r="A1749" s="3"/>
      <c r="C1749" s="3"/>
      <c r="D1749" s="3"/>
      <c r="E1749" s="3"/>
    </row>
    <row r="1750" spans="1:5" ht="13" customHeight="1" x14ac:dyDescent="0.35">
      <c r="A1750" s="3"/>
      <c r="C1750" s="3"/>
      <c r="D1750" s="3"/>
      <c r="E1750" s="3"/>
    </row>
    <row r="1751" spans="1:5" ht="13" customHeight="1" x14ac:dyDescent="0.35">
      <c r="A1751" s="3"/>
      <c r="C1751" s="3"/>
      <c r="D1751" s="3"/>
      <c r="E1751" s="3"/>
    </row>
    <row r="1752" spans="1:5" ht="13" customHeight="1" x14ac:dyDescent="0.35">
      <c r="A1752" s="3"/>
      <c r="C1752" s="3"/>
      <c r="D1752" s="3"/>
      <c r="E1752" s="3"/>
    </row>
    <row r="1753" spans="1:5" ht="13" customHeight="1" x14ac:dyDescent="0.35">
      <c r="A1753" s="3"/>
      <c r="C1753" s="3"/>
      <c r="D1753" s="3"/>
      <c r="E1753" s="3"/>
    </row>
    <row r="1754" spans="1:5" ht="13" customHeight="1" x14ac:dyDescent="0.35">
      <c r="A1754" s="3"/>
      <c r="C1754" s="3"/>
      <c r="D1754" s="3"/>
      <c r="E1754" s="3"/>
    </row>
    <row r="1755" spans="1:5" ht="13" customHeight="1" x14ac:dyDescent="0.35">
      <c r="A1755" s="3"/>
      <c r="C1755" s="3"/>
      <c r="D1755" s="3"/>
      <c r="E1755" s="3"/>
    </row>
    <row r="1756" spans="1:5" ht="13" customHeight="1" x14ac:dyDescent="0.35">
      <c r="A1756" s="3"/>
      <c r="C1756" s="3"/>
      <c r="D1756" s="3"/>
      <c r="E1756" s="3"/>
    </row>
    <row r="1757" spans="1:5" ht="13" customHeight="1" x14ac:dyDescent="0.35">
      <c r="A1757" s="3"/>
      <c r="C1757" s="3"/>
      <c r="D1757" s="3"/>
      <c r="E1757" s="3"/>
    </row>
    <row r="1758" spans="1:5" ht="13" customHeight="1" x14ac:dyDescent="0.35">
      <c r="A1758" s="3"/>
      <c r="C1758" s="3"/>
      <c r="D1758" s="3"/>
      <c r="E1758" s="3"/>
    </row>
    <row r="1759" spans="1:5" ht="13" customHeight="1" x14ac:dyDescent="0.35">
      <c r="A1759" s="3"/>
      <c r="C1759" s="3"/>
      <c r="D1759" s="3"/>
      <c r="E1759" s="3"/>
    </row>
    <row r="1760" spans="1:5" ht="13" customHeight="1" x14ac:dyDescent="0.35">
      <c r="A1760" s="3"/>
      <c r="C1760" s="3"/>
      <c r="D1760" s="3"/>
      <c r="E1760" s="3"/>
    </row>
    <row r="1761" spans="1:5" ht="13" customHeight="1" x14ac:dyDescent="0.35">
      <c r="A1761" s="3"/>
      <c r="C1761" s="3"/>
      <c r="D1761" s="3"/>
      <c r="E1761" s="3"/>
    </row>
    <row r="1762" spans="1:5" ht="13" customHeight="1" x14ac:dyDescent="0.35">
      <c r="A1762" s="3"/>
      <c r="C1762" s="3"/>
      <c r="D1762" s="3"/>
      <c r="E1762" s="3"/>
    </row>
    <row r="1763" spans="1:5" ht="13" customHeight="1" x14ac:dyDescent="0.35">
      <c r="A1763" s="3"/>
      <c r="C1763" s="3"/>
      <c r="D1763" s="3"/>
      <c r="E1763" s="3"/>
    </row>
    <row r="1764" spans="1:5" ht="13" customHeight="1" x14ac:dyDescent="0.35">
      <c r="A1764" s="3"/>
      <c r="C1764" s="3"/>
      <c r="D1764" s="3"/>
      <c r="E1764" s="3"/>
    </row>
    <row r="1765" spans="1:5" ht="13" customHeight="1" x14ac:dyDescent="0.35">
      <c r="A1765" s="3"/>
      <c r="C1765" s="3"/>
      <c r="D1765" s="3"/>
      <c r="E1765" s="3"/>
    </row>
    <row r="1766" spans="1:5" ht="13" customHeight="1" x14ac:dyDescent="0.35">
      <c r="A1766" s="3"/>
      <c r="C1766" s="3"/>
      <c r="D1766" s="3"/>
      <c r="E1766" s="3"/>
    </row>
    <row r="1767" spans="1:5" ht="13" customHeight="1" x14ac:dyDescent="0.35">
      <c r="A1767" s="3"/>
      <c r="C1767" s="3"/>
      <c r="D1767" s="3"/>
      <c r="E1767" s="3"/>
    </row>
    <row r="1768" spans="1:5" ht="13" customHeight="1" x14ac:dyDescent="0.35">
      <c r="A1768" s="3"/>
      <c r="C1768" s="3"/>
      <c r="D1768" s="3"/>
      <c r="E1768" s="3"/>
    </row>
    <row r="1769" spans="1:5" ht="13" customHeight="1" x14ac:dyDescent="0.35">
      <c r="A1769" s="3"/>
      <c r="C1769" s="3"/>
      <c r="D1769" s="3"/>
      <c r="E1769" s="3"/>
    </row>
    <row r="1770" spans="1:5" ht="13" customHeight="1" x14ac:dyDescent="0.35">
      <c r="A1770" s="3"/>
      <c r="C1770" s="3"/>
      <c r="D1770" s="3"/>
      <c r="E1770" s="3"/>
    </row>
    <row r="1771" spans="1:5" ht="13" customHeight="1" x14ac:dyDescent="0.35">
      <c r="A1771" s="3"/>
      <c r="C1771" s="3"/>
      <c r="D1771" s="3"/>
      <c r="E1771" s="3"/>
    </row>
    <row r="1772" spans="1:5" ht="13" customHeight="1" x14ac:dyDescent="0.35">
      <c r="A1772" s="3"/>
      <c r="C1772" s="3"/>
      <c r="D1772" s="3"/>
      <c r="E1772" s="3"/>
    </row>
    <row r="1773" spans="1:5" ht="13" customHeight="1" x14ac:dyDescent="0.35">
      <c r="A1773" s="3"/>
      <c r="C1773" s="3"/>
      <c r="D1773" s="3"/>
      <c r="E1773" s="3"/>
    </row>
    <row r="1774" spans="1:5" ht="13" customHeight="1" x14ac:dyDescent="0.35">
      <c r="A1774" s="3"/>
      <c r="C1774" s="3"/>
      <c r="D1774" s="3"/>
      <c r="E1774" s="3"/>
    </row>
    <row r="1775" spans="1:5" ht="13" customHeight="1" x14ac:dyDescent="0.35">
      <c r="A1775" s="3"/>
      <c r="C1775" s="3"/>
      <c r="D1775" s="3"/>
      <c r="E1775" s="3"/>
    </row>
    <row r="1776" spans="1:5" ht="13" customHeight="1" x14ac:dyDescent="0.35">
      <c r="A1776" s="3"/>
      <c r="C1776" s="3"/>
      <c r="D1776" s="3"/>
      <c r="E1776" s="3"/>
    </row>
    <row r="1777" spans="1:5" ht="13" customHeight="1" x14ac:dyDescent="0.35">
      <c r="A1777" s="3"/>
      <c r="C1777" s="3"/>
      <c r="D1777" s="3"/>
      <c r="E1777" s="3"/>
    </row>
    <row r="1778" spans="1:5" ht="13" customHeight="1" x14ac:dyDescent="0.35">
      <c r="A1778" s="3"/>
      <c r="C1778" s="3"/>
      <c r="D1778" s="3"/>
      <c r="E1778" s="3"/>
    </row>
    <row r="1779" spans="1:5" ht="13" customHeight="1" x14ac:dyDescent="0.35">
      <c r="A1779" s="3"/>
      <c r="C1779" s="3"/>
      <c r="D1779" s="3"/>
      <c r="E1779" s="3"/>
    </row>
    <row r="1780" spans="1:5" ht="13" customHeight="1" x14ac:dyDescent="0.35">
      <c r="A1780" s="3"/>
      <c r="C1780" s="3"/>
      <c r="D1780" s="3"/>
      <c r="E1780" s="3"/>
    </row>
    <row r="1781" spans="1:5" ht="13" customHeight="1" x14ac:dyDescent="0.35">
      <c r="A1781" s="3"/>
      <c r="C1781" s="3"/>
      <c r="D1781" s="3"/>
      <c r="E1781" s="3"/>
    </row>
    <row r="1782" spans="1:5" ht="13" customHeight="1" x14ac:dyDescent="0.35">
      <c r="A1782" s="3"/>
      <c r="C1782" s="3"/>
      <c r="D1782" s="3"/>
      <c r="E1782" s="3"/>
    </row>
    <row r="1783" spans="1:5" ht="13" customHeight="1" x14ac:dyDescent="0.35">
      <c r="A1783" s="3"/>
      <c r="C1783" s="3"/>
      <c r="D1783" s="3"/>
      <c r="E1783" s="3"/>
    </row>
    <row r="1784" spans="1:5" ht="13" customHeight="1" x14ac:dyDescent="0.35">
      <c r="A1784" s="3"/>
      <c r="C1784" s="3"/>
      <c r="D1784" s="3"/>
      <c r="E1784" s="3"/>
    </row>
    <row r="1785" spans="1:5" ht="13" customHeight="1" x14ac:dyDescent="0.35">
      <c r="A1785" s="3"/>
      <c r="C1785" s="3"/>
      <c r="D1785" s="3"/>
      <c r="E1785" s="3"/>
    </row>
    <row r="1786" spans="1:5" ht="13" customHeight="1" x14ac:dyDescent="0.35">
      <c r="A1786" s="3"/>
      <c r="C1786" s="3"/>
      <c r="D1786" s="3"/>
      <c r="E1786" s="3"/>
    </row>
    <row r="1787" spans="1:5" ht="13" customHeight="1" x14ac:dyDescent="0.35">
      <c r="A1787" s="3"/>
      <c r="C1787" s="3"/>
      <c r="D1787" s="3"/>
      <c r="E1787" s="3"/>
    </row>
    <row r="1788" spans="1:5" ht="13" customHeight="1" x14ac:dyDescent="0.35">
      <c r="A1788" s="3"/>
      <c r="C1788" s="3"/>
      <c r="D1788" s="3"/>
      <c r="E1788" s="3"/>
    </row>
    <row r="1789" spans="1:5" ht="13" customHeight="1" x14ac:dyDescent="0.35">
      <c r="A1789" s="3"/>
      <c r="C1789" s="3"/>
      <c r="D1789" s="3"/>
      <c r="E1789" s="3"/>
    </row>
    <row r="1790" spans="1:5" ht="13" customHeight="1" x14ac:dyDescent="0.35">
      <c r="A1790" s="3"/>
      <c r="C1790" s="3"/>
      <c r="D1790" s="3"/>
      <c r="E1790" s="3"/>
    </row>
    <row r="1791" spans="1:5" ht="13" customHeight="1" x14ac:dyDescent="0.35">
      <c r="A1791" s="3"/>
      <c r="C1791" s="3"/>
      <c r="D1791" s="3"/>
      <c r="E1791" s="3"/>
    </row>
    <row r="1792" spans="1:5" ht="13" customHeight="1" x14ac:dyDescent="0.35">
      <c r="A1792" s="3"/>
      <c r="C1792" s="3"/>
      <c r="D1792" s="3"/>
      <c r="E1792" s="3"/>
    </row>
    <row r="1793" spans="1:5" ht="13" customHeight="1" x14ac:dyDescent="0.35">
      <c r="A1793" s="3"/>
      <c r="C1793" s="3"/>
      <c r="D1793" s="3"/>
      <c r="E1793" s="3"/>
    </row>
    <row r="1794" spans="1:5" ht="13" customHeight="1" x14ac:dyDescent="0.35">
      <c r="A1794" s="3"/>
      <c r="C1794" s="3"/>
      <c r="D1794" s="3"/>
      <c r="E1794" s="3"/>
    </row>
    <row r="1795" spans="1:5" ht="13" customHeight="1" x14ac:dyDescent="0.35">
      <c r="A1795" s="3"/>
      <c r="C1795" s="3"/>
      <c r="D1795" s="3"/>
      <c r="E1795" s="3"/>
    </row>
    <row r="1796" spans="1:5" ht="13" customHeight="1" x14ac:dyDescent="0.35">
      <c r="A1796" s="3"/>
      <c r="C1796" s="3"/>
      <c r="D1796" s="3"/>
      <c r="E1796" s="3"/>
    </row>
    <row r="1797" spans="1:5" ht="13" customHeight="1" x14ac:dyDescent="0.35">
      <c r="A1797" s="3"/>
      <c r="C1797" s="3"/>
      <c r="D1797" s="3"/>
      <c r="E1797" s="3"/>
    </row>
    <row r="1798" spans="1:5" ht="13" customHeight="1" x14ac:dyDescent="0.35">
      <c r="A1798" s="3"/>
      <c r="C1798" s="3"/>
      <c r="D1798" s="3"/>
      <c r="E1798" s="3"/>
    </row>
    <row r="1799" spans="1:5" ht="13" customHeight="1" x14ac:dyDescent="0.35">
      <c r="A1799" s="3"/>
      <c r="C1799" s="3"/>
      <c r="D1799" s="3"/>
      <c r="E1799" s="3"/>
    </row>
    <row r="1800" spans="1:5" ht="13" customHeight="1" x14ac:dyDescent="0.35">
      <c r="A1800" s="3"/>
      <c r="C1800" s="3"/>
      <c r="D1800" s="3"/>
      <c r="E1800" s="3"/>
    </row>
    <row r="1801" spans="1:5" ht="13" customHeight="1" x14ac:dyDescent="0.35">
      <c r="A1801" s="3"/>
      <c r="C1801" s="3"/>
      <c r="D1801" s="3"/>
      <c r="E1801" s="3"/>
    </row>
    <row r="1802" spans="1:5" ht="13" customHeight="1" x14ac:dyDescent="0.35">
      <c r="A1802" s="3"/>
      <c r="C1802" s="3"/>
      <c r="D1802" s="3"/>
      <c r="E1802" s="3"/>
    </row>
    <row r="1803" spans="1:5" ht="13" customHeight="1" x14ac:dyDescent="0.35">
      <c r="A1803" s="3"/>
      <c r="C1803" s="3"/>
      <c r="D1803" s="3"/>
      <c r="E1803" s="3"/>
    </row>
    <row r="1804" spans="1:5" ht="13" customHeight="1" x14ac:dyDescent="0.35">
      <c r="A1804" s="3"/>
      <c r="C1804" s="3"/>
      <c r="D1804" s="3"/>
      <c r="E1804" s="3"/>
    </row>
    <row r="1805" spans="1:5" ht="13" customHeight="1" x14ac:dyDescent="0.35">
      <c r="A1805" s="3"/>
      <c r="C1805" s="3"/>
      <c r="D1805" s="3"/>
      <c r="E1805" s="3"/>
    </row>
    <row r="1806" spans="1:5" ht="13" customHeight="1" x14ac:dyDescent="0.35">
      <c r="A1806" s="3"/>
      <c r="C1806" s="3"/>
      <c r="D1806" s="3"/>
      <c r="E1806" s="3"/>
    </row>
    <row r="1807" spans="1:5" ht="13" customHeight="1" x14ac:dyDescent="0.35">
      <c r="A1807" s="3"/>
      <c r="C1807" s="3"/>
      <c r="D1807" s="3"/>
      <c r="E1807" s="3"/>
    </row>
    <row r="1808" spans="1:5" ht="13" customHeight="1" x14ac:dyDescent="0.35">
      <c r="A1808" s="3"/>
      <c r="C1808" s="3"/>
      <c r="D1808" s="3"/>
      <c r="E1808" s="3"/>
    </row>
    <row r="1809" spans="1:5" ht="13" customHeight="1" x14ac:dyDescent="0.35">
      <c r="A1809" s="3"/>
      <c r="C1809" s="3"/>
      <c r="D1809" s="3"/>
      <c r="E1809" s="3"/>
    </row>
    <row r="1810" spans="1:5" ht="13" customHeight="1" x14ac:dyDescent="0.35">
      <c r="A1810" s="3"/>
      <c r="C1810" s="3"/>
      <c r="D1810" s="3"/>
      <c r="E1810" s="3"/>
    </row>
    <row r="1811" spans="1:5" ht="13" customHeight="1" x14ac:dyDescent="0.35">
      <c r="A1811" s="3"/>
      <c r="C1811" s="3"/>
      <c r="D1811" s="3"/>
      <c r="E1811" s="3"/>
    </row>
    <row r="1812" spans="1:5" ht="13" customHeight="1" x14ac:dyDescent="0.35">
      <c r="A1812" s="3"/>
      <c r="C1812" s="3"/>
      <c r="D1812" s="3"/>
      <c r="E1812" s="3"/>
    </row>
    <row r="1813" spans="1:5" ht="13" customHeight="1" x14ac:dyDescent="0.35">
      <c r="A1813" s="3"/>
      <c r="C1813" s="3"/>
      <c r="D1813" s="3"/>
      <c r="E1813" s="3"/>
    </row>
    <row r="1814" spans="1:5" ht="13" customHeight="1" x14ac:dyDescent="0.35">
      <c r="A1814" s="3"/>
      <c r="C1814" s="3"/>
      <c r="D1814" s="3"/>
      <c r="E1814" s="3"/>
    </row>
    <row r="1815" spans="1:5" ht="13" customHeight="1" x14ac:dyDescent="0.35">
      <c r="A1815" s="3"/>
      <c r="C1815" s="3"/>
      <c r="D1815" s="3"/>
      <c r="E1815" s="3"/>
    </row>
    <row r="1816" spans="1:5" ht="13" customHeight="1" x14ac:dyDescent="0.35">
      <c r="A1816" s="3"/>
      <c r="C1816" s="3"/>
      <c r="D1816" s="3"/>
      <c r="E1816" s="3"/>
    </row>
    <row r="1817" spans="1:5" ht="13" customHeight="1" x14ac:dyDescent="0.35">
      <c r="A1817" s="3"/>
      <c r="C1817" s="3"/>
      <c r="D1817" s="3"/>
      <c r="E1817" s="3"/>
    </row>
    <row r="1818" spans="1:5" ht="13" customHeight="1" x14ac:dyDescent="0.35">
      <c r="A1818" s="3"/>
      <c r="C1818" s="3"/>
      <c r="D1818" s="3"/>
      <c r="E1818" s="3"/>
    </row>
    <row r="1819" spans="1:5" ht="13" customHeight="1" x14ac:dyDescent="0.35">
      <c r="A1819" s="3"/>
      <c r="C1819" s="3"/>
      <c r="D1819" s="3"/>
      <c r="E1819" s="3"/>
    </row>
    <row r="1820" spans="1:5" ht="13" customHeight="1" x14ac:dyDescent="0.35">
      <c r="A1820" s="3"/>
      <c r="C1820" s="3"/>
      <c r="D1820" s="3"/>
      <c r="E1820" s="3"/>
    </row>
    <row r="1821" spans="1:5" ht="13" customHeight="1" x14ac:dyDescent="0.35">
      <c r="A1821" s="3"/>
      <c r="C1821" s="3"/>
      <c r="D1821" s="3"/>
      <c r="E1821" s="3"/>
    </row>
    <row r="1822" spans="1:5" ht="13" customHeight="1" x14ac:dyDescent="0.35">
      <c r="A1822" s="3"/>
      <c r="C1822" s="3"/>
      <c r="D1822" s="3"/>
      <c r="E1822" s="3"/>
    </row>
    <row r="1823" spans="1:5" ht="13" customHeight="1" x14ac:dyDescent="0.35">
      <c r="A1823" s="3"/>
      <c r="C1823" s="3"/>
      <c r="D1823" s="3"/>
      <c r="E1823" s="3"/>
    </row>
    <row r="1824" spans="1:5" ht="13" customHeight="1" x14ac:dyDescent="0.35">
      <c r="A1824" s="3"/>
      <c r="C1824" s="3"/>
      <c r="D1824" s="3"/>
      <c r="E1824" s="3"/>
    </row>
    <row r="1825" spans="1:5" ht="13" customHeight="1" x14ac:dyDescent="0.35">
      <c r="A1825" s="3"/>
      <c r="C1825" s="3"/>
      <c r="D1825" s="3"/>
      <c r="E1825" s="3"/>
    </row>
    <row r="1826" spans="1:5" ht="13" customHeight="1" x14ac:dyDescent="0.35">
      <c r="A1826" s="3"/>
      <c r="C1826" s="3"/>
      <c r="D1826" s="3"/>
      <c r="E1826" s="3"/>
    </row>
    <row r="1827" spans="1:5" ht="13" customHeight="1" x14ac:dyDescent="0.35">
      <c r="A1827" s="3"/>
      <c r="C1827" s="3"/>
      <c r="D1827" s="3"/>
      <c r="E1827" s="3"/>
    </row>
    <row r="1828" spans="1:5" ht="13" customHeight="1" x14ac:dyDescent="0.35">
      <c r="A1828" s="3"/>
      <c r="C1828" s="3"/>
      <c r="D1828" s="3"/>
      <c r="E1828" s="3"/>
    </row>
    <row r="1829" spans="1:5" ht="13" customHeight="1" x14ac:dyDescent="0.35">
      <c r="A1829" s="3"/>
      <c r="C1829" s="3"/>
      <c r="D1829" s="3"/>
      <c r="E1829" s="3"/>
    </row>
    <row r="1830" spans="1:5" ht="13" customHeight="1" x14ac:dyDescent="0.35">
      <c r="A1830" s="3"/>
      <c r="C1830" s="3"/>
      <c r="D1830" s="3"/>
      <c r="E1830" s="3"/>
    </row>
    <row r="1831" spans="1:5" ht="13" customHeight="1" x14ac:dyDescent="0.35">
      <c r="A1831" s="3"/>
      <c r="C1831" s="3"/>
      <c r="D1831" s="3"/>
      <c r="E1831" s="3"/>
    </row>
    <row r="1832" spans="1:5" ht="13" customHeight="1" x14ac:dyDescent="0.35">
      <c r="A1832" s="3"/>
      <c r="C1832" s="3"/>
      <c r="D1832" s="3"/>
      <c r="E1832" s="3"/>
    </row>
    <row r="1833" spans="1:5" ht="13" customHeight="1" x14ac:dyDescent="0.35">
      <c r="A1833" s="3"/>
      <c r="C1833" s="3"/>
      <c r="D1833" s="3"/>
      <c r="E1833" s="3"/>
    </row>
    <row r="1834" spans="1:5" ht="13" customHeight="1" x14ac:dyDescent="0.35">
      <c r="A1834" s="3"/>
      <c r="C1834" s="3"/>
      <c r="D1834" s="3"/>
      <c r="E1834" s="3"/>
    </row>
    <row r="1835" spans="1:5" ht="13" customHeight="1" x14ac:dyDescent="0.35">
      <c r="A1835" s="3"/>
      <c r="C1835" s="3"/>
      <c r="D1835" s="3"/>
      <c r="E1835" s="3"/>
    </row>
    <row r="1836" spans="1:5" ht="13" customHeight="1" x14ac:dyDescent="0.35">
      <c r="A1836" s="3"/>
      <c r="C1836" s="3"/>
      <c r="D1836" s="3"/>
      <c r="E1836" s="3"/>
    </row>
    <row r="1837" spans="1:5" ht="13" customHeight="1" x14ac:dyDescent="0.35">
      <c r="A1837" s="3"/>
      <c r="C1837" s="3"/>
      <c r="D1837" s="3"/>
      <c r="E1837" s="3"/>
    </row>
    <row r="1838" spans="1:5" ht="13" customHeight="1" x14ac:dyDescent="0.35">
      <c r="A1838" s="3"/>
      <c r="C1838" s="3"/>
      <c r="D1838" s="3"/>
      <c r="E1838" s="3"/>
    </row>
    <row r="1839" spans="1:5" ht="13" customHeight="1" x14ac:dyDescent="0.35">
      <c r="A1839" s="3"/>
      <c r="C1839" s="3"/>
      <c r="D1839" s="3"/>
      <c r="E1839" s="3"/>
    </row>
    <row r="1840" spans="1:5" ht="13" customHeight="1" x14ac:dyDescent="0.35">
      <c r="A1840" s="3"/>
      <c r="C1840" s="3"/>
      <c r="D1840" s="3"/>
      <c r="E1840" s="3"/>
    </row>
    <row r="1841" spans="1:5" ht="13" customHeight="1" x14ac:dyDescent="0.35">
      <c r="A1841" s="3"/>
      <c r="C1841" s="3"/>
      <c r="D1841" s="3"/>
      <c r="E1841" s="3"/>
    </row>
    <row r="1842" spans="1:5" ht="13" customHeight="1" x14ac:dyDescent="0.35">
      <c r="A1842" s="3"/>
      <c r="C1842" s="3"/>
      <c r="D1842" s="3"/>
      <c r="E1842" s="3"/>
    </row>
    <row r="1843" spans="1:5" ht="13" customHeight="1" x14ac:dyDescent="0.35">
      <c r="A1843" s="3"/>
      <c r="C1843" s="3"/>
      <c r="D1843" s="3"/>
      <c r="E1843" s="3"/>
    </row>
    <row r="1844" spans="1:5" ht="13" customHeight="1" x14ac:dyDescent="0.35">
      <c r="A1844" s="3"/>
      <c r="C1844" s="3"/>
      <c r="D1844" s="3"/>
      <c r="E1844" s="3"/>
    </row>
    <row r="1845" spans="1:5" ht="13" customHeight="1" x14ac:dyDescent="0.35">
      <c r="A1845" s="3"/>
      <c r="C1845" s="3"/>
      <c r="D1845" s="3"/>
      <c r="E1845" s="3"/>
    </row>
    <row r="1846" spans="1:5" ht="13" customHeight="1" x14ac:dyDescent="0.35">
      <c r="A1846" s="3"/>
      <c r="C1846" s="3"/>
      <c r="D1846" s="3"/>
      <c r="E1846" s="3"/>
    </row>
    <row r="1847" spans="1:5" ht="13" customHeight="1" x14ac:dyDescent="0.35">
      <c r="A1847" s="3"/>
      <c r="C1847" s="3"/>
      <c r="D1847" s="3"/>
      <c r="E1847" s="3"/>
    </row>
    <row r="1848" spans="1:5" ht="13" customHeight="1" x14ac:dyDescent="0.35">
      <c r="A1848" s="3"/>
      <c r="C1848" s="3"/>
      <c r="D1848" s="3"/>
      <c r="E1848" s="3"/>
    </row>
    <row r="1849" spans="1:5" ht="13" customHeight="1" x14ac:dyDescent="0.35">
      <c r="A1849" s="3"/>
      <c r="C1849" s="3"/>
      <c r="D1849" s="3"/>
      <c r="E1849" s="3"/>
    </row>
    <row r="1850" spans="1:5" ht="13" customHeight="1" x14ac:dyDescent="0.35">
      <c r="A1850" s="3"/>
      <c r="C1850" s="3"/>
      <c r="D1850" s="3"/>
      <c r="E1850" s="3"/>
    </row>
    <row r="1851" spans="1:5" ht="13" customHeight="1" x14ac:dyDescent="0.35">
      <c r="A1851" s="3"/>
      <c r="C1851" s="3"/>
      <c r="D1851" s="3"/>
      <c r="E1851" s="3"/>
    </row>
    <row r="1852" spans="1:5" ht="13" customHeight="1" x14ac:dyDescent="0.35">
      <c r="A1852" s="3"/>
      <c r="C1852" s="3"/>
      <c r="D1852" s="3"/>
      <c r="E1852" s="3"/>
    </row>
    <row r="1853" spans="1:5" ht="13" customHeight="1" x14ac:dyDescent="0.35">
      <c r="A1853" s="3"/>
      <c r="C1853" s="3"/>
      <c r="D1853" s="3"/>
      <c r="E1853" s="3"/>
    </row>
    <row r="1854" spans="1:5" ht="13" customHeight="1" x14ac:dyDescent="0.35">
      <c r="A1854" s="3"/>
      <c r="C1854" s="3"/>
      <c r="D1854" s="3"/>
      <c r="E1854" s="3"/>
    </row>
    <row r="1855" spans="1:5" ht="13" customHeight="1" x14ac:dyDescent="0.35">
      <c r="A1855" s="3"/>
      <c r="C1855" s="3"/>
      <c r="D1855" s="3"/>
      <c r="E1855" s="3"/>
    </row>
    <row r="1856" spans="1:5" ht="13" customHeight="1" x14ac:dyDescent="0.35">
      <c r="A1856" s="3"/>
      <c r="C1856" s="3"/>
      <c r="D1856" s="3"/>
      <c r="E1856" s="3"/>
    </row>
    <row r="1857" spans="1:5" ht="13" customHeight="1" x14ac:dyDescent="0.35">
      <c r="A1857" s="3"/>
      <c r="C1857" s="3"/>
      <c r="D1857" s="3"/>
      <c r="E1857" s="3"/>
    </row>
    <row r="1858" spans="1:5" ht="13" customHeight="1" x14ac:dyDescent="0.35">
      <c r="A1858" s="3"/>
      <c r="C1858" s="3"/>
      <c r="D1858" s="3"/>
      <c r="E1858" s="3"/>
    </row>
    <row r="1859" spans="1:5" ht="13" customHeight="1" x14ac:dyDescent="0.35">
      <c r="A1859" s="3"/>
      <c r="C1859" s="3"/>
      <c r="D1859" s="3"/>
      <c r="E1859" s="3"/>
    </row>
    <row r="1860" spans="1:5" ht="13" customHeight="1" x14ac:dyDescent="0.35">
      <c r="A1860" s="3"/>
      <c r="C1860" s="3"/>
      <c r="D1860" s="3"/>
      <c r="E1860" s="3"/>
    </row>
    <row r="1861" spans="1:5" ht="13" customHeight="1" x14ac:dyDescent="0.35">
      <c r="A1861" s="3"/>
      <c r="C1861" s="3"/>
      <c r="D1861" s="3"/>
      <c r="E1861" s="3"/>
    </row>
    <row r="1862" spans="1:5" ht="13" customHeight="1" x14ac:dyDescent="0.35">
      <c r="A1862" s="3"/>
      <c r="C1862" s="3"/>
      <c r="D1862" s="3"/>
      <c r="E1862" s="3"/>
    </row>
    <row r="1863" spans="1:5" ht="13" customHeight="1" x14ac:dyDescent="0.35">
      <c r="A1863" s="3"/>
      <c r="C1863" s="3"/>
      <c r="D1863" s="3"/>
      <c r="E1863" s="3"/>
    </row>
    <row r="1864" spans="1:5" ht="13" customHeight="1" x14ac:dyDescent="0.35">
      <c r="A1864" s="3"/>
      <c r="C1864" s="3"/>
      <c r="D1864" s="3"/>
      <c r="E1864" s="3"/>
    </row>
    <row r="1865" spans="1:5" ht="13" customHeight="1" x14ac:dyDescent="0.35">
      <c r="A1865" s="3"/>
      <c r="C1865" s="3"/>
      <c r="D1865" s="3"/>
      <c r="E1865" s="3"/>
    </row>
    <row r="1866" spans="1:5" ht="13" customHeight="1" x14ac:dyDescent="0.35">
      <c r="A1866" s="3"/>
      <c r="C1866" s="3"/>
      <c r="D1866" s="3"/>
      <c r="E1866" s="3"/>
    </row>
    <row r="1867" spans="1:5" ht="13" customHeight="1" x14ac:dyDescent="0.35">
      <c r="A1867" s="3"/>
      <c r="C1867" s="3"/>
      <c r="D1867" s="3"/>
      <c r="E1867" s="3"/>
    </row>
    <row r="1868" spans="1:5" ht="13" customHeight="1" x14ac:dyDescent="0.35">
      <c r="A1868" s="3"/>
      <c r="C1868" s="3"/>
      <c r="D1868" s="3"/>
      <c r="E1868" s="3"/>
    </row>
    <row r="1869" spans="1:5" ht="13" customHeight="1" x14ac:dyDescent="0.35">
      <c r="A1869" s="3"/>
      <c r="C1869" s="3"/>
      <c r="D1869" s="3"/>
      <c r="E1869" s="3"/>
    </row>
    <row r="1870" spans="1:5" ht="13" customHeight="1" x14ac:dyDescent="0.35">
      <c r="A1870" s="3"/>
      <c r="C1870" s="3"/>
      <c r="D1870" s="3"/>
      <c r="E1870" s="3"/>
    </row>
    <row r="1871" spans="1:5" ht="13" customHeight="1" x14ac:dyDescent="0.35">
      <c r="A1871" s="3"/>
      <c r="C1871" s="3"/>
      <c r="D1871" s="3"/>
      <c r="E1871" s="3"/>
    </row>
    <row r="1872" spans="1:5" ht="13" customHeight="1" x14ac:dyDescent="0.35">
      <c r="A1872" s="3"/>
      <c r="C1872" s="3"/>
      <c r="D1872" s="3"/>
      <c r="E1872" s="3"/>
    </row>
    <row r="1873" spans="1:5" ht="13" customHeight="1" x14ac:dyDescent="0.35">
      <c r="A1873" s="3"/>
      <c r="C1873" s="3"/>
      <c r="D1873" s="3"/>
      <c r="E1873" s="3"/>
    </row>
    <row r="1874" spans="1:5" ht="13" customHeight="1" x14ac:dyDescent="0.35">
      <c r="A1874" s="3"/>
      <c r="C1874" s="3"/>
      <c r="D1874" s="3"/>
      <c r="E1874" s="3"/>
    </row>
    <row r="1875" spans="1:5" ht="13" customHeight="1" x14ac:dyDescent="0.35">
      <c r="A1875" s="3"/>
      <c r="C1875" s="3"/>
      <c r="D1875" s="3"/>
      <c r="E1875" s="3"/>
    </row>
    <row r="1876" spans="1:5" ht="13" customHeight="1" x14ac:dyDescent="0.35">
      <c r="A1876" s="3"/>
      <c r="C1876" s="3"/>
      <c r="D1876" s="3"/>
      <c r="E1876" s="3"/>
    </row>
    <row r="1877" spans="1:5" ht="13" customHeight="1" x14ac:dyDescent="0.35">
      <c r="A1877" s="3"/>
      <c r="C1877" s="3"/>
      <c r="D1877" s="3"/>
      <c r="E1877" s="3"/>
    </row>
    <row r="1878" spans="1:5" ht="13" customHeight="1" x14ac:dyDescent="0.35">
      <c r="A1878" s="3"/>
      <c r="C1878" s="3"/>
      <c r="D1878" s="3"/>
      <c r="E1878" s="3"/>
    </row>
    <row r="1879" spans="1:5" ht="13" customHeight="1" x14ac:dyDescent="0.35">
      <c r="A1879" s="3"/>
      <c r="C1879" s="3"/>
      <c r="D1879" s="3"/>
      <c r="E1879" s="3"/>
    </row>
    <row r="1880" spans="1:5" ht="13" customHeight="1" x14ac:dyDescent="0.35">
      <c r="A1880" s="3"/>
      <c r="C1880" s="3"/>
      <c r="D1880" s="3"/>
      <c r="E1880" s="3"/>
    </row>
    <row r="1881" spans="1:5" ht="13" customHeight="1" x14ac:dyDescent="0.35">
      <c r="A1881" s="3"/>
      <c r="C1881" s="3"/>
      <c r="D1881" s="3"/>
      <c r="E1881" s="3"/>
    </row>
    <row r="1882" spans="1:5" ht="13" customHeight="1" x14ac:dyDescent="0.35">
      <c r="A1882" s="3"/>
      <c r="C1882" s="3"/>
      <c r="D1882" s="3"/>
      <c r="E1882" s="3"/>
    </row>
    <row r="1883" spans="1:5" ht="13" customHeight="1" x14ac:dyDescent="0.35">
      <c r="A1883" s="3"/>
      <c r="C1883" s="3"/>
      <c r="D1883" s="3"/>
      <c r="E1883" s="3"/>
    </row>
    <row r="1884" spans="1:5" ht="13" customHeight="1" x14ac:dyDescent="0.35">
      <c r="A1884" s="3"/>
      <c r="C1884" s="3"/>
      <c r="D1884" s="3"/>
      <c r="E1884" s="3"/>
    </row>
    <row r="1885" spans="1:5" ht="13" customHeight="1" x14ac:dyDescent="0.35">
      <c r="A1885" s="3"/>
      <c r="C1885" s="3"/>
      <c r="D1885" s="3"/>
      <c r="E1885" s="3"/>
    </row>
    <row r="1886" spans="1:5" ht="13" customHeight="1" x14ac:dyDescent="0.35">
      <c r="A1886" s="3"/>
      <c r="C1886" s="3"/>
      <c r="D1886" s="3"/>
      <c r="E1886" s="3"/>
    </row>
    <row r="1887" spans="1:5" ht="13" customHeight="1" x14ac:dyDescent="0.35">
      <c r="A1887" s="3"/>
      <c r="C1887" s="3"/>
      <c r="D1887" s="3"/>
      <c r="E1887" s="3"/>
    </row>
    <row r="1888" spans="1:5" ht="13" customHeight="1" x14ac:dyDescent="0.35">
      <c r="A1888" s="3"/>
      <c r="C1888" s="3"/>
      <c r="D1888" s="3"/>
      <c r="E1888" s="3"/>
    </row>
    <row r="1889" spans="1:5" ht="13" customHeight="1" x14ac:dyDescent="0.35">
      <c r="A1889" s="3"/>
      <c r="C1889" s="3"/>
      <c r="D1889" s="3"/>
      <c r="E1889" s="3"/>
    </row>
    <row r="1890" spans="1:5" ht="13" customHeight="1" x14ac:dyDescent="0.35">
      <c r="A1890" s="3"/>
      <c r="C1890" s="3"/>
      <c r="D1890" s="3"/>
      <c r="E1890" s="3"/>
    </row>
    <row r="1891" spans="1:5" ht="13" customHeight="1" x14ac:dyDescent="0.35">
      <c r="A1891" s="3"/>
      <c r="C1891" s="3"/>
      <c r="D1891" s="3"/>
      <c r="E1891" s="3"/>
    </row>
    <row r="1892" spans="1:5" ht="13" customHeight="1" x14ac:dyDescent="0.35">
      <c r="A1892" s="3"/>
      <c r="C1892" s="3"/>
      <c r="D1892" s="3"/>
      <c r="E1892" s="3"/>
    </row>
    <row r="1893" spans="1:5" ht="13" customHeight="1" x14ac:dyDescent="0.35">
      <c r="A1893" s="3"/>
      <c r="C1893" s="3"/>
      <c r="D1893" s="3"/>
      <c r="E1893" s="3"/>
    </row>
    <row r="1894" spans="1:5" ht="13" customHeight="1" x14ac:dyDescent="0.35">
      <c r="A1894" s="3"/>
      <c r="C1894" s="3"/>
      <c r="D1894" s="3"/>
      <c r="E1894" s="3"/>
    </row>
    <row r="1895" spans="1:5" ht="13" customHeight="1" x14ac:dyDescent="0.35">
      <c r="A1895" s="3"/>
      <c r="C1895" s="3"/>
      <c r="D1895" s="3"/>
      <c r="E1895" s="3"/>
    </row>
    <row r="1896" spans="1:5" ht="13" customHeight="1" x14ac:dyDescent="0.35">
      <c r="A1896" s="3"/>
      <c r="C1896" s="3"/>
      <c r="D1896" s="3"/>
      <c r="E1896" s="3"/>
    </row>
    <row r="1897" spans="1:5" ht="13" customHeight="1" x14ac:dyDescent="0.35">
      <c r="A1897" s="3"/>
      <c r="C1897" s="3"/>
      <c r="D1897" s="3"/>
      <c r="E1897" s="3"/>
    </row>
    <row r="1898" spans="1:5" ht="13" customHeight="1" x14ac:dyDescent="0.35">
      <c r="A1898" s="3"/>
      <c r="C1898" s="3"/>
      <c r="D1898" s="3"/>
      <c r="E1898" s="3"/>
    </row>
    <row r="1899" spans="1:5" ht="13" customHeight="1" x14ac:dyDescent="0.35">
      <c r="A1899" s="3"/>
      <c r="C1899" s="3"/>
      <c r="D1899" s="3"/>
      <c r="E1899" s="3"/>
    </row>
    <row r="1900" spans="1:5" ht="13" customHeight="1" x14ac:dyDescent="0.35">
      <c r="A1900" s="3"/>
      <c r="C1900" s="3"/>
      <c r="D1900" s="3"/>
      <c r="E1900" s="3"/>
    </row>
    <row r="1901" spans="1:5" ht="13" customHeight="1" x14ac:dyDescent="0.35">
      <c r="A1901" s="3"/>
      <c r="C1901" s="3"/>
      <c r="D1901" s="3"/>
      <c r="E1901" s="3"/>
    </row>
    <row r="1902" spans="1:5" ht="13" customHeight="1" x14ac:dyDescent="0.35">
      <c r="A1902" s="3"/>
      <c r="C1902" s="3"/>
      <c r="D1902" s="3"/>
      <c r="E1902" s="3"/>
    </row>
    <row r="1903" spans="1:5" ht="13" customHeight="1" x14ac:dyDescent="0.35">
      <c r="A1903" s="3"/>
      <c r="C1903" s="3"/>
      <c r="D1903" s="3"/>
      <c r="E1903" s="3"/>
    </row>
    <row r="1904" spans="1:5" ht="13" customHeight="1" x14ac:dyDescent="0.35">
      <c r="A1904" s="3"/>
      <c r="C1904" s="3"/>
      <c r="D1904" s="3"/>
      <c r="E1904" s="3"/>
    </row>
    <row r="1905" spans="1:5" ht="13" customHeight="1" x14ac:dyDescent="0.35">
      <c r="A1905" s="3"/>
      <c r="C1905" s="3"/>
      <c r="D1905" s="3"/>
      <c r="E1905" s="3"/>
    </row>
    <row r="1906" spans="1:5" ht="13" customHeight="1" x14ac:dyDescent="0.35">
      <c r="A1906" s="3"/>
      <c r="C1906" s="3"/>
      <c r="D1906" s="3"/>
      <c r="E1906" s="3"/>
    </row>
    <row r="1907" spans="1:5" ht="13" customHeight="1" x14ac:dyDescent="0.35">
      <c r="A1907" s="3"/>
      <c r="C1907" s="3"/>
      <c r="D1907" s="3"/>
      <c r="E1907" s="3"/>
    </row>
    <row r="1908" spans="1:5" ht="13" customHeight="1" x14ac:dyDescent="0.35">
      <c r="A1908" s="3"/>
      <c r="C1908" s="3"/>
      <c r="D1908" s="3"/>
      <c r="E1908" s="3"/>
    </row>
    <row r="1909" spans="1:5" ht="13" customHeight="1" x14ac:dyDescent="0.35">
      <c r="A1909" s="3"/>
      <c r="C1909" s="3"/>
      <c r="D1909" s="3"/>
      <c r="E1909" s="3"/>
    </row>
    <row r="1910" spans="1:5" ht="13" customHeight="1" x14ac:dyDescent="0.35">
      <c r="A1910" s="3"/>
      <c r="C1910" s="3"/>
      <c r="D1910" s="3"/>
      <c r="E1910" s="3"/>
    </row>
    <row r="1911" spans="1:5" ht="13" customHeight="1" x14ac:dyDescent="0.35">
      <c r="A1911" s="3"/>
      <c r="C1911" s="3"/>
      <c r="D1911" s="3"/>
      <c r="E1911" s="3"/>
    </row>
    <row r="1912" spans="1:5" ht="13" customHeight="1" x14ac:dyDescent="0.35">
      <c r="A1912" s="3"/>
      <c r="C1912" s="3"/>
      <c r="D1912" s="3"/>
      <c r="E1912" s="3"/>
    </row>
    <row r="1913" spans="1:5" ht="13" customHeight="1" x14ac:dyDescent="0.35">
      <c r="A1913" s="3"/>
      <c r="C1913" s="3"/>
      <c r="D1913" s="3"/>
      <c r="E1913" s="3"/>
    </row>
    <row r="1914" spans="1:5" ht="13" customHeight="1" x14ac:dyDescent="0.35">
      <c r="A1914" s="3"/>
      <c r="C1914" s="3"/>
      <c r="D1914" s="3"/>
      <c r="E1914" s="3"/>
    </row>
    <row r="1915" spans="1:5" ht="13" customHeight="1" x14ac:dyDescent="0.35">
      <c r="A1915" s="3"/>
      <c r="C1915" s="3"/>
      <c r="D1915" s="3"/>
      <c r="E1915" s="3"/>
    </row>
    <row r="1916" spans="1:5" ht="13" customHeight="1" x14ac:dyDescent="0.35">
      <c r="A1916" s="3"/>
      <c r="C1916" s="3"/>
      <c r="D1916" s="3"/>
      <c r="E1916" s="3"/>
    </row>
    <row r="1917" spans="1:5" ht="13" customHeight="1" x14ac:dyDescent="0.35">
      <c r="A1917" s="3"/>
      <c r="C1917" s="3"/>
      <c r="D1917" s="3"/>
      <c r="E1917" s="3"/>
    </row>
    <row r="1918" spans="1:5" ht="13" customHeight="1" x14ac:dyDescent="0.35">
      <c r="A1918" s="3"/>
      <c r="C1918" s="3"/>
      <c r="D1918" s="3"/>
      <c r="E1918" s="3"/>
    </row>
    <row r="1919" spans="1:5" ht="13" customHeight="1" x14ac:dyDescent="0.35">
      <c r="A1919" s="3"/>
      <c r="C1919" s="3"/>
      <c r="D1919" s="3"/>
      <c r="E1919" s="3"/>
    </row>
    <row r="1920" spans="1:5" ht="13" customHeight="1" x14ac:dyDescent="0.35">
      <c r="A1920" s="3"/>
      <c r="C1920" s="3"/>
      <c r="D1920" s="3"/>
      <c r="E1920" s="3"/>
    </row>
    <row r="1921" spans="1:5" ht="13" customHeight="1" x14ac:dyDescent="0.35">
      <c r="A1921" s="3"/>
      <c r="C1921" s="3"/>
      <c r="D1921" s="3"/>
      <c r="E1921" s="3"/>
    </row>
    <row r="1922" spans="1:5" ht="13" customHeight="1" x14ac:dyDescent="0.35">
      <c r="A1922" s="3"/>
      <c r="C1922" s="3"/>
      <c r="D1922" s="3"/>
      <c r="E1922" s="3"/>
    </row>
    <row r="1923" spans="1:5" ht="13" customHeight="1" x14ac:dyDescent="0.35">
      <c r="A1923" s="3"/>
      <c r="C1923" s="3"/>
      <c r="D1923" s="3"/>
      <c r="E1923" s="3"/>
    </row>
    <row r="1924" spans="1:5" ht="13" customHeight="1" x14ac:dyDescent="0.35">
      <c r="A1924" s="3"/>
      <c r="C1924" s="3"/>
      <c r="D1924" s="3"/>
      <c r="E1924" s="3"/>
    </row>
    <row r="1925" spans="1:5" ht="13" customHeight="1" x14ac:dyDescent="0.35">
      <c r="A1925" s="3"/>
      <c r="C1925" s="3"/>
      <c r="D1925" s="3"/>
      <c r="E1925" s="3"/>
    </row>
    <row r="1926" spans="1:5" ht="13" customHeight="1" x14ac:dyDescent="0.35">
      <c r="A1926" s="3"/>
      <c r="C1926" s="3"/>
      <c r="D1926" s="3"/>
      <c r="E1926" s="3"/>
    </row>
    <row r="1927" spans="1:5" ht="13" customHeight="1" x14ac:dyDescent="0.35">
      <c r="A1927" s="3"/>
      <c r="C1927" s="3"/>
      <c r="D1927" s="3"/>
      <c r="E1927" s="3"/>
    </row>
    <row r="1928" spans="1:5" ht="13" customHeight="1" x14ac:dyDescent="0.35">
      <c r="A1928" s="3"/>
      <c r="C1928" s="3"/>
      <c r="D1928" s="3"/>
      <c r="E1928" s="3"/>
    </row>
    <row r="1929" spans="1:5" ht="13" customHeight="1" x14ac:dyDescent="0.35">
      <c r="A1929" s="3"/>
      <c r="C1929" s="3"/>
      <c r="D1929" s="3"/>
      <c r="E1929" s="3"/>
    </row>
    <row r="1930" spans="1:5" ht="13" customHeight="1" x14ac:dyDescent="0.35">
      <c r="A1930" s="3"/>
      <c r="C1930" s="3"/>
      <c r="D1930" s="3"/>
      <c r="E1930" s="3"/>
    </row>
    <row r="1931" spans="1:5" ht="13" customHeight="1" x14ac:dyDescent="0.35">
      <c r="A1931" s="3"/>
      <c r="C1931" s="3"/>
      <c r="D1931" s="3"/>
      <c r="E1931" s="3"/>
    </row>
    <row r="1932" spans="1:5" ht="13" customHeight="1" x14ac:dyDescent="0.35">
      <c r="A1932" s="3"/>
      <c r="C1932" s="3"/>
      <c r="D1932" s="3"/>
      <c r="E1932" s="3"/>
    </row>
    <row r="1933" spans="1:5" ht="13" customHeight="1" x14ac:dyDescent="0.35">
      <c r="A1933" s="3"/>
      <c r="C1933" s="3"/>
      <c r="D1933" s="3"/>
      <c r="E1933" s="3"/>
    </row>
    <row r="1934" spans="1:5" ht="13" customHeight="1" x14ac:dyDescent="0.35">
      <c r="A1934" s="3"/>
      <c r="C1934" s="3"/>
      <c r="D1934" s="3"/>
      <c r="E1934" s="3"/>
    </row>
    <row r="1935" spans="1:5" ht="13" customHeight="1" x14ac:dyDescent="0.35">
      <c r="A1935" s="3"/>
      <c r="C1935" s="3"/>
      <c r="D1935" s="3"/>
      <c r="E1935" s="3"/>
    </row>
    <row r="1936" spans="1:5" ht="13" customHeight="1" x14ac:dyDescent="0.35">
      <c r="A1936" s="3"/>
      <c r="C1936" s="3"/>
      <c r="D1936" s="3"/>
      <c r="E1936" s="3"/>
    </row>
    <row r="1937" spans="1:5" ht="13" customHeight="1" x14ac:dyDescent="0.35">
      <c r="A1937" s="3"/>
      <c r="C1937" s="3"/>
      <c r="D1937" s="3"/>
      <c r="E1937" s="3"/>
    </row>
    <row r="1938" spans="1:5" ht="13" customHeight="1" x14ac:dyDescent="0.35">
      <c r="A1938" s="3"/>
      <c r="C1938" s="3"/>
      <c r="D1938" s="3"/>
      <c r="E1938" s="3"/>
    </row>
    <row r="1939" spans="1:5" ht="13" customHeight="1" x14ac:dyDescent="0.35">
      <c r="A1939" s="3"/>
      <c r="C1939" s="3"/>
      <c r="D1939" s="3"/>
      <c r="E1939" s="3"/>
    </row>
    <row r="1940" spans="1:5" ht="13" customHeight="1" x14ac:dyDescent="0.35">
      <c r="A1940" s="3"/>
      <c r="C1940" s="3"/>
      <c r="D1940" s="3"/>
      <c r="E1940" s="3"/>
    </row>
    <row r="1941" spans="1:5" ht="13" customHeight="1" x14ac:dyDescent="0.35">
      <c r="A1941" s="3"/>
      <c r="C1941" s="3"/>
      <c r="D1941" s="3"/>
      <c r="E1941" s="3"/>
    </row>
    <row r="1942" spans="1:5" ht="13" customHeight="1" x14ac:dyDescent="0.35">
      <c r="A1942" s="3"/>
      <c r="C1942" s="3"/>
      <c r="D1942" s="3"/>
      <c r="E1942" s="3"/>
    </row>
    <row r="1943" spans="1:5" ht="13" customHeight="1" x14ac:dyDescent="0.35">
      <c r="A1943" s="3"/>
      <c r="C1943" s="3"/>
      <c r="D1943" s="3"/>
      <c r="E1943" s="3"/>
    </row>
    <row r="1944" spans="1:5" ht="13" customHeight="1" x14ac:dyDescent="0.35">
      <c r="A1944" s="3"/>
      <c r="C1944" s="3"/>
      <c r="D1944" s="3"/>
      <c r="E1944" s="3"/>
    </row>
    <row r="1945" spans="1:5" ht="13" customHeight="1" x14ac:dyDescent="0.35">
      <c r="A1945" s="3"/>
      <c r="C1945" s="3"/>
      <c r="D1945" s="3"/>
      <c r="E1945" s="3"/>
    </row>
    <row r="1946" spans="1:5" ht="13" customHeight="1" x14ac:dyDescent="0.35">
      <c r="A1946" s="3"/>
      <c r="C1946" s="3"/>
      <c r="D1946" s="3"/>
      <c r="E1946" s="3"/>
    </row>
    <row r="1947" spans="1:5" ht="13" customHeight="1" x14ac:dyDescent="0.35">
      <c r="A1947" s="3"/>
      <c r="C1947" s="3"/>
      <c r="D1947" s="3"/>
      <c r="E1947" s="3"/>
    </row>
    <row r="1948" spans="1:5" ht="13" customHeight="1" x14ac:dyDescent="0.35">
      <c r="A1948" s="3"/>
      <c r="C1948" s="3"/>
      <c r="D1948" s="3"/>
      <c r="E1948" s="3"/>
    </row>
    <row r="1949" spans="1:5" ht="13" customHeight="1" x14ac:dyDescent="0.35">
      <c r="A1949" s="3"/>
      <c r="C1949" s="3"/>
      <c r="D1949" s="3"/>
      <c r="E1949" s="3"/>
    </row>
    <row r="1950" spans="1:5" ht="13" customHeight="1" x14ac:dyDescent="0.35">
      <c r="A1950" s="3"/>
      <c r="C1950" s="3"/>
      <c r="D1950" s="3"/>
      <c r="E1950" s="3"/>
    </row>
    <row r="1951" spans="1:5" ht="13" customHeight="1" x14ac:dyDescent="0.35">
      <c r="A1951" s="3"/>
      <c r="C1951" s="3"/>
      <c r="D1951" s="3"/>
      <c r="E1951" s="3"/>
    </row>
    <row r="1952" spans="1:5" ht="13" customHeight="1" x14ac:dyDescent="0.35">
      <c r="A1952" s="3"/>
      <c r="C1952" s="3"/>
      <c r="D1952" s="3"/>
      <c r="E1952" s="3"/>
    </row>
    <row r="1953" spans="1:5" ht="13" customHeight="1" x14ac:dyDescent="0.35">
      <c r="A1953" s="3"/>
      <c r="C1953" s="3"/>
      <c r="D1953" s="3"/>
      <c r="E1953" s="3"/>
    </row>
    <row r="1954" spans="1:5" ht="13" customHeight="1" x14ac:dyDescent="0.35">
      <c r="A1954" s="3"/>
      <c r="C1954" s="3"/>
      <c r="D1954" s="3"/>
      <c r="E1954" s="3"/>
    </row>
    <row r="1955" spans="1:5" ht="13" customHeight="1" x14ac:dyDescent="0.35">
      <c r="A1955" s="3"/>
      <c r="C1955" s="3"/>
      <c r="D1955" s="3"/>
      <c r="E1955" s="3"/>
    </row>
    <row r="1956" spans="1:5" ht="13" customHeight="1" x14ac:dyDescent="0.35">
      <c r="A1956" s="3"/>
      <c r="C1956" s="3"/>
      <c r="D1956" s="3"/>
      <c r="E1956" s="3"/>
    </row>
    <row r="1957" spans="1:5" ht="13" customHeight="1" x14ac:dyDescent="0.35">
      <c r="A1957" s="3"/>
      <c r="C1957" s="3"/>
      <c r="D1957" s="3"/>
      <c r="E1957" s="3"/>
    </row>
    <row r="1958" spans="1:5" ht="13" customHeight="1" x14ac:dyDescent="0.35">
      <c r="A1958" s="3"/>
      <c r="C1958" s="3"/>
      <c r="D1958" s="3"/>
      <c r="E1958" s="3"/>
    </row>
    <row r="1959" spans="1:5" ht="13" customHeight="1" x14ac:dyDescent="0.35">
      <c r="A1959" s="3"/>
      <c r="C1959" s="3"/>
      <c r="D1959" s="3"/>
      <c r="E1959" s="3"/>
    </row>
    <row r="1960" spans="1:5" ht="13" customHeight="1" x14ac:dyDescent="0.35">
      <c r="A1960" s="3"/>
      <c r="C1960" s="3"/>
      <c r="D1960" s="3"/>
      <c r="E1960" s="3"/>
    </row>
    <row r="1961" spans="1:5" ht="13" customHeight="1" x14ac:dyDescent="0.35">
      <c r="A1961" s="3"/>
      <c r="C1961" s="3"/>
      <c r="D1961" s="3"/>
      <c r="E1961" s="3"/>
    </row>
    <row r="1962" spans="1:5" ht="13" customHeight="1" x14ac:dyDescent="0.35">
      <c r="A1962" s="3"/>
      <c r="C1962" s="3"/>
      <c r="D1962" s="3"/>
      <c r="E1962" s="3"/>
    </row>
    <row r="1963" spans="1:5" ht="13" customHeight="1" x14ac:dyDescent="0.35">
      <c r="A1963" s="3"/>
      <c r="C1963" s="3"/>
      <c r="D1963" s="3"/>
      <c r="E1963" s="3"/>
    </row>
    <row r="1964" spans="1:5" ht="13" customHeight="1" x14ac:dyDescent="0.35">
      <c r="A1964" s="3"/>
      <c r="C1964" s="3"/>
      <c r="D1964" s="3"/>
      <c r="E1964" s="3"/>
    </row>
    <row r="1965" spans="1:5" ht="13" customHeight="1" x14ac:dyDescent="0.35">
      <c r="A1965" s="3"/>
      <c r="C1965" s="3"/>
      <c r="D1965" s="3"/>
      <c r="E1965" s="3"/>
    </row>
    <row r="1966" spans="1:5" ht="13" customHeight="1" x14ac:dyDescent="0.35">
      <c r="A1966" s="3"/>
      <c r="C1966" s="3"/>
      <c r="D1966" s="3"/>
      <c r="E1966" s="3"/>
    </row>
    <row r="1967" spans="1:5" ht="13" customHeight="1" x14ac:dyDescent="0.35">
      <c r="A1967" s="3"/>
      <c r="C1967" s="3"/>
      <c r="D1967" s="3"/>
      <c r="E1967" s="3"/>
    </row>
    <row r="1968" spans="1:5" ht="13" customHeight="1" x14ac:dyDescent="0.35">
      <c r="A1968" s="3"/>
      <c r="C1968" s="3"/>
      <c r="D1968" s="3"/>
      <c r="E1968" s="3"/>
    </row>
    <row r="1969" spans="1:5" ht="13" customHeight="1" x14ac:dyDescent="0.35">
      <c r="A1969" s="3"/>
      <c r="C1969" s="3"/>
      <c r="D1969" s="3"/>
      <c r="E1969" s="3"/>
    </row>
    <row r="1970" spans="1:5" ht="13" customHeight="1" x14ac:dyDescent="0.35">
      <c r="A1970" s="3"/>
      <c r="C1970" s="3"/>
      <c r="D1970" s="3"/>
      <c r="E1970" s="3"/>
    </row>
    <row r="1971" spans="1:5" ht="13" customHeight="1" x14ac:dyDescent="0.35">
      <c r="A1971" s="3"/>
      <c r="C1971" s="3"/>
      <c r="D1971" s="3"/>
      <c r="E1971" s="3"/>
    </row>
    <row r="1972" spans="1:5" ht="13" customHeight="1" x14ac:dyDescent="0.35">
      <c r="A1972" s="3"/>
      <c r="C1972" s="3"/>
      <c r="D1972" s="3"/>
      <c r="E1972" s="3"/>
    </row>
    <row r="1973" spans="1:5" ht="13" customHeight="1" x14ac:dyDescent="0.35">
      <c r="A1973" s="3"/>
      <c r="C1973" s="3"/>
      <c r="D1973" s="3"/>
      <c r="E1973" s="3"/>
    </row>
    <row r="1974" spans="1:5" ht="13" customHeight="1" x14ac:dyDescent="0.35">
      <c r="A1974" s="3"/>
      <c r="C1974" s="3"/>
      <c r="D1974" s="3"/>
      <c r="E1974" s="3"/>
    </row>
    <row r="1975" spans="1:5" ht="13" customHeight="1" x14ac:dyDescent="0.35">
      <c r="A1975" s="3"/>
      <c r="C1975" s="3"/>
      <c r="D1975" s="3"/>
      <c r="E1975" s="3"/>
    </row>
    <row r="1976" spans="1:5" ht="13" customHeight="1" x14ac:dyDescent="0.35">
      <c r="A1976" s="3"/>
      <c r="C1976" s="3"/>
      <c r="D1976" s="3"/>
      <c r="E1976" s="3"/>
    </row>
    <row r="1977" spans="1:5" ht="13" customHeight="1" x14ac:dyDescent="0.35">
      <c r="A1977" s="3"/>
      <c r="C1977" s="3"/>
      <c r="D1977" s="3"/>
      <c r="E1977" s="3"/>
    </row>
    <row r="1978" spans="1:5" ht="13" customHeight="1" x14ac:dyDescent="0.35">
      <c r="A1978" s="3"/>
      <c r="C1978" s="3"/>
      <c r="D1978" s="3"/>
      <c r="E1978" s="3"/>
    </row>
    <row r="1979" spans="1:5" ht="13" customHeight="1" x14ac:dyDescent="0.35">
      <c r="A1979" s="3"/>
      <c r="C1979" s="3"/>
      <c r="D1979" s="3"/>
      <c r="E1979" s="3"/>
    </row>
    <row r="1980" spans="1:5" ht="13" customHeight="1" x14ac:dyDescent="0.35">
      <c r="A1980" s="3"/>
      <c r="C1980" s="3"/>
      <c r="D1980" s="3"/>
      <c r="E1980" s="3"/>
    </row>
    <row r="1981" spans="1:5" ht="13" customHeight="1" x14ac:dyDescent="0.35">
      <c r="A1981" s="3"/>
      <c r="C1981" s="3"/>
      <c r="D1981" s="3"/>
      <c r="E1981" s="3"/>
    </row>
    <row r="1982" spans="1:5" ht="13" customHeight="1" x14ac:dyDescent="0.35">
      <c r="A1982" s="3"/>
      <c r="C1982" s="3"/>
      <c r="D1982" s="3"/>
      <c r="E1982" s="3"/>
    </row>
    <row r="1983" spans="1:5" ht="13" customHeight="1" x14ac:dyDescent="0.35">
      <c r="A1983" s="3"/>
      <c r="C1983" s="3"/>
      <c r="D1983" s="3"/>
      <c r="E1983" s="3"/>
    </row>
    <row r="1984" spans="1:5" ht="13" customHeight="1" x14ac:dyDescent="0.35">
      <c r="A1984" s="3"/>
      <c r="C1984" s="3"/>
      <c r="D1984" s="3"/>
      <c r="E1984" s="3"/>
    </row>
    <row r="1985" spans="1:5" ht="13" customHeight="1" x14ac:dyDescent="0.35">
      <c r="A1985" s="3"/>
      <c r="C1985" s="3"/>
      <c r="D1985" s="3"/>
      <c r="E1985" s="3"/>
    </row>
    <row r="1986" spans="1:5" ht="13" customHeight="1" x14ac:dyDescent="0.35">
      <c r="A1986" s="3"/>
      <c r="C1986" s="3"/>
      <c r="D1986" s="3"/>
      <c r="E1986" s="3"/>
    </row>
    <row r="1987" spans="1:5" ht="13" customHeight="1" x14ac:dyDescent="0.35">
      <c r="A1987" s="3"/>
      <c r="C1987" s="3"/>
      <c r="D1987" s="3"/>
      <c r="E1987" s="3"/>
    </row>
    <row r="1988" spans="1:5" ht="13" customHeight="1" x14ac:dyDescent="0.35">
      <c r="A1988" s="3"/>
      <c r="C1988" s="3"/>
      <c r="D1988" s="3"/>
      <c r="E1988" s="3"/>
    </row>
    <row r="1989" spans="1:5" ht="13" customHeight="1" x14ac:dyDescent="0.35">
      <c r="A1989" s="3"/>
      <c r="C1989" s="3"/>
      <c r="D1989" s="3"/>
      <c r="E1989" s="3"/>
    </row>
    <row r="1990" spans="1:5" ht="13" customHeight="1" x14ac:dyDescent="0.35">
      <c r="A1990" s="3"/>
      <c r="C1990" s="3"/>
      <c r="D1990" s="3"/>
      <c r="E1990" s="3"/>
    </row>
    <row r="1991" spans="1:5" ht="13" customHeight="1" x14ac:dyDescent="0.35">
      <c r="A1991" s="3"/>
      <c r="C1991" s="3"/>
      <c r="D1991" s="3"/>
      <c r="E1991" s="3"/>
    </row>
    <row r="1992" spans="1:5" ht="13" customHeight="1" x14ac:dyDescent="0.35">
      <c r="A1992" s="3"/>
      <c r="C1992" s="3"/>
      <c r="D1992" s="3"/>
      <c r="E1992" s="3"/>
    </row>
    <row r="1993" spans="1:5" ht="13" customHeight="1" x14ac:dyDescent="0.35">
      <c r="A1993" s="3"/>
      <c r="C1993" s="3"/>
      <c r="D1993" s="3"/>
      <c r="E1993" s="3"/>
    </row>
    <row r="1994" spans="1:5" ht="13" customHeight="1" x14ac:dyDescent="0.35">
      <c r="A1994" s="3"/>
      <c r="C1994" s="3"/>
      <c r="D1994" s="3"/>
      <c r="E1994" s="3"/>
    </row>
    <row r="1995" spans="1:5" ht="13" customHeight="1" x14ac:dyDescent="0.35">
      <c r="A1995" s="3"/>
      <c r="C1995" s="3"/>
      <c r="D1995" s="3"/>
      <c r="E1995" s="3"/>
    </row>
    <row r="1996" spans="1:5" ht="13" customHeight="1" x14ac:dyDescent="0.35">
      <c r="A1996" s="3"/>
      <c r="C1996" s="3"/>
      <c r="D1996" s="3"/>
      <c r="E1996" s="3"/>
    </row>
    <row r="1997" spans="1:5" ht="13" customHeight="1" x14ac:dyDescent="0.35">
      <c r="A1997" s="3"/>
      <c r="C1997" s="3"/>
      <c r="D1997" s="3"/>
      <c r="E1997" s="3"/>
    </row>
    <row r="1998" spans="1:5" ht="13" customHeight="1" x14ac:dyDescent="0.35">
      <c r="A1998" s="3"/>
      <c r="C1998" s="3"/>
      <c r="D1998" s="3"/>
      <c r="E1998" s="3"/>
    </row>
    <row r="1999" spans="1:5" ht="13" customHeight="1" x14ac:dyDescent="0.35">
      <c r="A1999" s="3"/>
      <c r="C1999" s="3"/>
      <c r="D1999" s="3"/>
      <c r="E1999" s="3"/>
    </row>
    <row r="2000" spans="1:5" ht="13" customHeight="1" x14ac:dyDescent="0.35">
      <c r="A2000" s="3"/>
      <c r="C2000" s="3"/>
      <c r="D2000" s="3"/>
      <c r="E2000" s="3"/>
    </row>
    <row r="2001" spans="1:5" ht="13" customHeight="1" x14ac:dyDescent="0.35">
      <c r="A2001" s="3"/>
      <c r="C2001" s="3"/>
      <c r="D2001" s="3"/>
      <c r="E2001" s="3"/>
    </row>
    <row r="2002" spans="1:5" ht="13" customHeight="1" x14ac:dyDescent="0.35">
      <c r="A2002" s="3"/>
      <c r="C2002" s="3"/>
      <c r="D2002" s="3"/>
      <c r="E2002" s="3"/>
    </row>
    <row r="2003" spans="1:5" ht="13" customHeight="1" x14ac:dyDescent="0.35">
      <c r="A2003" s="3"/>
      <c r="C2003" s="3"/>
      <c r="D2003" s="3"/>
      <c r="E2003" s="3"/>
    </row>
    <row r="2004" spans="1:5" ht="13" customHeight="1" x14ac:dyDescent="0.35">
      <c r="A2004" s="3"/>
      <c r="C2004" s="3"/>
      <c r="D2004" s="3"/>
      <c r="E2004" s="3"/>
    </row>
    <row r="2005" spans="1:5" ht="13" customHeight="1" x14ac:dyDescent="0.35">
      <c r="A2005" s="3"/>
      <c r="C2005" s="3"/>
      <c r="D2005" s="3"/>
      <c r="E2005" s="3"/>
    </row>
    <row r="2006" spans="1:5" ht="13" customHeight="1" x14ac:dyDescent="0.35">
      <c r="A2006" s="3"/>
      <c r="C2006" s="3"/>
      <c r="D2006" s="3"/>
      <c r="E2006" s="3"/>
    </row>
    <row r="2007" spans="1:5" ht="13" customHeight="1" x14ac:dyDescent="0.35">
      <c r="A2007" s="3"/>
      <c r="C2007" s="3"/>
      <c r="D2007" s="3"/>
      <c r="E2007" s="3"/>
    </row>
    <row r="2008" spans="1:5" ht="13" customHeight="1" x14ac:dyDescent="0.35">
      <c r="A2008" s="3"/>
      <c r="C2008" s="3"/>
      <c r="D2008" s="3"/>
      <c r="E2008" s="3"/>
    </row>
    <row r="2009" spans="1:5" ht="13" customHeight="1" x14ac:dyDescent="0.35">
      <c r="A2009" s="3"/>
      <c r="C2009" s="3"/>
      <c r="D2009" s="3"/>
      <c r="E2009" s="3"/>
    </row>
    <row r="2010" spans="1:5" ht="13" customHeight="1" x14ac:dyDescent="0.35">
      <c r="A2010" s="3"/>
      <c r="C2010" s="3"/>
      <c r="D2010" s="3"/>
      <c r="E2010" s="3"/>
    </row>
    <row r="2011" spans="1:5" ht="13" customHeight="1" x14ac:dyDescent="0.35">
      <c r="A2011" s="3"/>
      <c r="C2011" s="3"/>
      <c r="D2011" s="3"/>
      <c r="E2011" s="3"/>
    </row>
    <row r="2012" spans="1:5" ht="13" customHeight="1" x14ac:dyDescent="0.35">
      <c r="A2012" s="3"/>
      <c r="C2012" s="3"/>
      <c r="D2012" s="3"/>
      <c r="E2012" s="3"/>
    </row>
    <row r="2013" spans="1:5" ht="13" customHeight="1" x14ac:dyDescent="0.35">
      <c r="A2013" s="3"/>
      <c r="C2013" s="3"/>
      <c r="D2013" s="3"/>
      <c r="E2013" s="3"/>
    </row>
    <row r="2014" spans="1:5" ht="13" customHeight="1" x14ac:dyDescent="0.35">
      <c r="A2014" s="3"/>
      <c r="C2014" s="3"/>
      <c r="D2014" s="3"/>
      <c r="E2014" s="3"/>
    </row>
    <row r="2015" spans="1:5" ht="13" customHeight="1" x14ac:dyDescent="0.35">
      <c r="A2015" s="3"/>
      <c r="C2015" s="3"/>
      <c r="D2015" s="3"/>
      <c r="E2015" s="3"/>
    </row>
    <row r="2016" spans="1:5" ht="13" customHeight="1" x14ac:dyDescent="0.35">
      <c r="A2016" s="3"/>
      <c r="C2016" s="3"/>
      <c r="D2016" s="3"/>
      <c r="E2016" s="3"/>
    </row>
    <row r="2017" spans="1:5" ht="13" customHeight="1" x14ac:dyDescent="0.35">
      <c r="A2017" s="3"/>
      <c r="C2017" s="3"/>
      <c r="D2017" s="3"/>
      <c r="E2017" s="3"/>
    </row>
    <row r="2018" spans="1:5" ht="13" customHeight="1" x14ac:dyDescent="0.35">
      <c r="A2018" s="3"/>
      <c r="C2018" s="3"/>
      <c r="D2018" s="3"/>
      <c r="E2018" s="3"/>
    </row>
    <row r="2019" spans="1:5" ht="13" customHeight="1" x14ac:dyDescent="0.35">
      <c r="A2019" s="3"/>
      <c r="C2019" s="3"/>
      <c r="D2019" s="3"/>
      <c r="E2019" s="3"/>
    </row>
    <row r="2020" spans="1:5" ht="13" customHeight="1" x14ac:dyDescent="0.35">
      <c r="A2020" s="3"/>
      <c r="C2020" s="3"/>
      <c r="D2020" s="3"/>
      <c r="E2020" s="3"/>
    </row>
    <row r="2021" spans="1:5" ht="13" customHeight="1" x14ac:dyDescent="0.35">
      <c r="A2021" s="3"/>
      <c r="C2021" s="3"/>
      <c r="D2021" s="3"/>
      <c r="E2021" s="3"/>
    </row>
    <row r="2022" spans="1:5" ht="13" customHeight="1" x14ac:dyDescent="0.35">
      <c r="A2022" s="3"/>
      <c r="C2022" s="3"/>
      <c r="D2022" s="3"/>
      <c r="E2022" s="3"/>
    </row>
    <row r="2023" spans="1:5" ht="13" customHeight="1" x14ac:dyDescent="0.35">
      <c r="A2023" s="3"/>
      <c r="C2023" s="3"/>
      <c r="D2023" s="3"/>
      <c r="E2023" s="3"/>
    </row>
    <row r="2024" spans="1:5" ht="13" customHeight="1" x14ac:dyDescent="0.35">
      <c r="A2024" s="3"/>
      <c r="C2024" s="3"/>
      <c r="D2024" s="3"/>
      <c r="E2024" s="3"/>
    </row>
    <row r="2025" spans="1:5" ht="13" customHeight="1" x14ac:dyDescent="0.35">
      <c r="A2025" s="3"/>
      <c r="C2025" s="3"/>
      <c r="D2025" s="3"/>
      <c r="E2025" s="3"/>
    </row>
    <row r="2026" spans="1:5" ht="13" customHeight="1" x14ac:dyDescent="0.35">
      <c r="A2026" s="3"/>
      <c r="C2026" s="3"/>
      <c r="D2026" s="3"/>
      <c r="E2026" s="3"/>
    </row>
    <row r="2027" spans="1:5" ht="13" customHeight="1" x14ac:dyDescent="0.35">
      <c r="A2027" s="3"/>
      <c r="C2027" s="3"/>
      <c r="D2027" s="3"/>
      <c r="E2027" s="3"/>
    </row>
    <row r="2028" spans="1:5" ht="13" customHeight="1" x14ac:dyDescent="0.35">
      <c r="A2028" s="3"/>
      <c r="C2028" s="3"/>
      <c r="D2028" s="3"/>
      <c r="E2028" s="3"/>
    </row>
    <row r="2029" spans="1:5" ht="13" customHeight="1" x14ac:dyDescent="0.35">
      <c r="A2029" s="3"/>
      <c r="C2029" s="3"/>
      <c r="D2029" s="3"/>
      <c r="E2029" s="3"/>
    </row>
    <row r="2030" spans="1:5" ht="13" customHeight="1" x14ac:dyDescent="0.35">
      <c r="A2030" s="3"/>
      <c r="C2030" s="3"/>
      <c r="D2030" s="3"/>
      <c r="E2030" s="3"/>
    </row>
    <row r="2031" spans="1:5" ht="13" customHeight="1" x14ac:dyDescent="0.35">
      <c r="A2031" s="3"/>
      <c r="C2031" s="3"/>
      <c r="D2031" s="3"/>
      <c r="E2031" s="3"/>
    </row>
    <row r="2032" spans="1:5" ht="13" customHeight="1" x14ac:dyDescent="0.35">
      <c r="A2032" s="3"/>
      <c r="C2032" s="3"/>
      <c r="D2032" s="3"/>
      <c r="E2032" s="3"/>
    </row>
    <row r="2033" spans="1:5" ht="13" customHeight="1" x14ac:dyDescent="0.35">
      <c r="A2033" s="3"/>
      <c r="C2033" s="3"/>
      <c r="D2033" s="3"/>
      <c r="E2033" s="3"/>
    </row>
    <row r="2034" spans="1:5" ht="13" customHeight="1" x14ac:dyDescent="0.35">
      <c r="A2034" s="3"/>
      <c r="C2034" s="3"/>
      <c r="D2034" s="3"/>
      <c r="E2034" s="3"/>
    </row>
    <row r="2035" spans="1:5" ht="13" customHeight="1" x14ac:dyDescent="0.35">
      <c r="A2035" s="3"/>
      <c r="C2035" s="3"/>
      <c r="D2035" s="3"/>
      <c r="E2035" s="3"/>
    </row>
    <row r="2036" spans="1:5" ht="13" customHeight="1" x14ac:dyDescent="0.35">
      <c r="A2036" s="3"/>
      <c r="C2036" s="3"/>
      <c r="D2036" s="3"/>
      <c r="E2036" s="3"/>
    </row>
    <row r="2037" spans="1:5" ht="13" customHeight="1" x14ac:dyDescent="0.35">
      <c r="A2037" s="3"/>
      <c r="C2037" s="3"/>
      <c r="D2037" s="3"/>
      <c r="E2037" s="3"/>
    </row>
    <row r="2038" spans="1:5" ht="13" customHeight="1" x14ac:dyDescent="0.35">
      <c r="A2038" s="3"/>
      <c r="C2038" s="3"/>
      <c r="D2038" s="3"/>
      <c r="E2038" s="3"/>
    </row>
    <row r="2039" spans="1:5" ht="13" customHeight="1" x14ac:dyDescent="0.35">
      <c r="A2039" s="3"/>
      <c r="C2039" s="3"/>
      <c r="D2039" s="3"/>
      <c r="E2039" s="3"/>
    </row>
    <row r="2040" spans="1:5" ht="13" customHeight="1" x14ac:dyDescent="0.35">
      <c r="A2040" s="3"/>
      <c r="C2040" s="3"/>
      <c r="D2040" s="3"/>
      <c r="E2040" s="3"/>
    </row>
    <row r="2041" spans="1:5" ht="13" customHeight="1" x14ac:dyDescent="0.35">
      <c r="A2041" s="3"/>
      <c r="C2041" s="3"/>
      <c r="D2041" s="3"/>
      <c r="E2041" s="3"/>
    </row>
    <row r="2042" spans="1:5" ht="13" customHeight="1" x14ac:dyDescent="0.35">
      <c r="A2042" s="3"/>
      <c r="C2042" s="3"/>
      <c r="D2042" s="3"/>
      <c r="E2042" s="3"/>
    </row>
    <row r="2043" spans="1:5" ht="13" customHeight="1" x14ac:dyDescent="0.35">
      <c r="A2043" s="3"/>
      <c r="C2043" s="3"/>
      <c r="D2043" s="3"/>
      <c r="E2043" s="3"/>
    </row>
    <row r="2044" spans="1:5" ht="13" customHeight="1" x14ac:dyDescent="0.35">
      <c r="A2044" s="3"/>
      <c r="C2044" s="3"/>
      <c r="D2044" s="3"/>
      <c r="E2044" s="3"/>
    </row>
    <row r="2045" spans="1:5" ht="13" customHeight="1" x14ac:dyDescent="0.35">
      <c r="A2045" s="3"/>
      <c r="C2045" s="3"/>
      <c r="D2045" s="3"/>
      <c r="E2045" s="3"/>
    </row>
    <row r="2046" spans="1:5" ht="13" customHeight="1" x14ac:dyDescent="0.35">
      <c r="A2046" s="3"/>
      <c r="C2046" s="3"/>
      <c r="D2046" s="3"/>
      <c r="E2046" s="3"/>
    </row>
    <row r="2047" spans="1:5" ht="13" customHeight="1" x14ac:dyDescent="0.35">
      <c r="A2047" s="3"/>
      <c r="C2047" s="3"/>
      <c r="D2047" s="3"/>
      <c r="E2047" s="3"/>
    </row>
    <row r="2048" spans="1:5" ht="13" customHeight="1" x14ac:dyDescent="0.35">
      <c r="A2048" s="3"/>
      <c r="C2048" s="3"/>
      <c r="D2048" s="3"/>
      <c r="E2048" s="3"/>
    </row>
    <row r="2049" spans="1:5" ht="13" customHeight="1" x14ac:dyDescent="0.35">
      <c r="A2049" s="3"/>
      <c r="C2049" s="3"/>
      <c r="D2049" s="3"/>
      <c r="E2049" s="3"/>
    </row>
    <row r="2050" spans="1:5" ht="13" customHeight="1" x14ac:dyDescent="0.35">
      <c r="A2050" s="3"/>
      <c r="C2050" s="3"/>
      <c r="D2050" s="3"/>
      <c r="E2050" s="3"/>
    </row>
    <row r="2051" spans="1:5" ht="13" customHeight="1" x14ac:dyDescent="0.35">
      <c r="A2051" s="3"/>
      <c r="C2051" s="3"/>
      <c r="D2051" s="3"/>
      <c r="E2051" s="3"/>
    </row>
    <row r="2052" spans="1:5" ht="13" customHeight="1" x14ac:dyDescent="0.35">
      <c r="A2052" s="3"/>
      <c r="C2052" s="3"/>
      <c r="D2052" s="3"/>
      <c r="E2052" s="3"/>
    </row>
    <row r="2053" spans="1:5" ht="13" customHeight="1" x14ac:dyDescent="0.35">
      <c r="A2053" s="3"/>
      <c r="C2053" s="3"/>
      <c r="D2053" s="3"/>
      <c r="E2053" s="3"/>
    </row>
    <row r="2054" spans="1:5" ht="13" customHeight="1" x14ac:dyDescent="0.35">
      <c r="A2054" s="3"/>
      <c r="C2054" s="3"/>
      <c r="D2054" s="3"/>
      <c r="E2054" s="3"/>
    </row>
    <row r="2055" spans="1:5" ht="13" customHeight="1" x14ac:dyDescent="0.35">
      <c r="A2055" s="3"/>
      <c r="C2055" s="3"/>
      <c r="D2055" s="3"/>
      <c r="E2055" s="3"/>
    </row>
    <row r="2056" spans="1:5" ht="13" customHeight="1" x14ac:dyDescent="0.35">
      <c r="A2056" s="3"/>
      <c r="C2056" s="3"/>
      <c r="D2056" s="3"/>
      <c r="E2056" s="3"/>
    </row>
    <row r="2057" spans="1:5" ht="13" customHeight="1" x14ac:dyDescent="0.35">
      <c r="A2057" s="3"/>
      <c r="C2057" s="3"/>
      <c r="D2057" s="3"/>
      <c r="E2057" s="3"/>
    </row>
    <row r="2058" spans="1:5" ht="13" customHeight="1" x14ac:dyDescent="0.35">
      <c r="A2058" s="3"/>
      <c r="C2058" s="3"/>
      <c r="D2058" s="3"/>
      <c r="E2058" s="3"/>
    </row>
    <row r="2059" spans="1:5" ht="13" customHeight="1" x14ac:dyDescent="0.35">
      <c r="A2059" s="3"/>
      <c r="C2059" s="3"/>
      <c r="D2059" s="3"/>
      <c r="E2059" s="3"/>
    </row>
    <row r="2060" spans="1:5" ht="13" customHeight="1" x14ac:dyDescent="0.35">
      <c r="A2060" s="3"/>
      <c r="C2060" s="3"/>
      <c r="D2060" s="3"/>
      <c r="E2060" s="3"/>
    </row>
    <row r="2061" spans="1:5" ht="13" customHeight="1" x14ac:dyDescent="0.35">
      <c r="A2061" s="3"/>
      <c r="C2061" s="3"/>
      <c r="D2061" s="3"/>
      <c r="E2061" s="3"/>
    </row>
    <row r="2062" spans="1:5" ht="13" customHeight="1" x14ac:dyDescent="0.35">
      <c r="A2062" s="3"/>
      <c r="C2062" s="3"/>
      <c r="D2062" s="3"/>
      <c r="E2062" s="3"/>
    </row>
    <row r="2063" spans="1:5" ht="13" customHeight="1" x14ac:dyDescent="0.35">
      <c r="A2063" s="3"/>
      <c r="C2063" s="3"/>
      <c r="D2063" s="3"/>
      <c r="E2063" s="3"/>
    </row>
    <row r="2064" spans="1:5" ht="13" customHeight="1" x14ac:dyDescent="0.35">
      <c r="A2064" s="3"/>
      <c r="C2064" s="3"/>
      <c r="D2064" s="3"/>
      <c r="E2064" s="3"/>
    </row>
    <row r="2065" spans="1:5" ht="13" customHeight="1" x14ac:dyDescent="0.35">
      <c r="A2065" s="3"/>
      <c r="C2065" s="3"/>
      <c r="D2065" s="3"/>
      <c r="E2065" s="3"/>
    </row>
    <row r="2066" spans="1:5" ht="13" customHeight="1" x14ac:dyDescent="0.35">
      <c r="A2066" s="3"/>
      <c r="C2066" s="3"/>
      <c r="D2066" s="3"/>
      <c r="E2066" s="3"/>
    </row>
    <row r="2067" spans="1:5" ht="13" customHeight="1" x14ac:dyDescent="0.35">
      <c r="A2067" s="3"/>
      <c r="C2067" s="3"/>
      <c r="D2067" s="3"/>
      <c r="E2067" s="3"/>
    </row>
    <row r="2068" spans="1:5" ht="13" customHeight="1" x14ac:dyDescent="0.35">
      <c r="A2068" s="3"/>
      <c r="C2068" s="3"/>
      <c r="D2068" s="3"/>
      <c r="E2068" s="3"/>
    </row>
    <row r="2069" spans="1:5" ht="13" customHeight="1" x14ac:dyDescent="0.35">
      <c r="A2069" s="3"/>
      <c r="C2069" s="3"/>
      <c r="D2069" s="3"/>
      <c r="E2069" s="3"/>
    </row>
    <row r="2070" spans="1:5" ht="13" customHeight="1" x14ac:dyDescent="0.35">
      <c r="A2070" s="3"/>
      <c r="C2070" s="3"/>
      <c r="D2070" s="3"/>
      <c r="E2070" s="3"/>
    </row>
    <row r="2071" spans="1:5" ht="13" customHeight="1" x14ac:dyDescent="0.35">
      <c r="A2071" s="3"/>
      <c r="C2071" s="3"/>
      <c r="D2071" s="3"/>
      <c r="E2071" s="3"/>
    </row>
    <row r="2072" spans="1:5" ht="13" customHeight="1" x14ac:dyDescent="0.35">
      <c r="A2072" s="3"/>
      <c r="C2072" s="3"/>
      <c r="D2072" s="3"/>
      <c r="E2072" s="3"/>
    </row>
    <row r="2073" spans="1:5" ht="13" customHeight="1" x14ac:dyDescent="0.35">
      <c r="A2073" s="3"/>
      <c r="C2073" s="3"/>
      <c r="D2073" s="3"/>
      <c r="E2073" s="3"/>
    </row>
    <row r="2074" spans="1:5" ht="13" customHeight="1" x14ac:dyDescent="0.35">
      <c r="A2074" s="3"/>
      <c r="C2074" s="3"/>
      <c r="D2074" s="3"/>
      <c r="E2074" s="3"/>
    </row>
    <row r="2075" spans="1:5" ht="13" customHeight="1" x14ac:dyDescent="0.35">
      <c r="A2075" s="3"/>
      <c r="C2075" s="3"/>
      <c r="D2075" s="3"/>
      <c r="E2075" s="3"/>
    </row>
    <row r="2076" spans="1:5" ht="13" customHeight="1" x14ac:dyDescent="0.35">
      <c r="A2076" s="3"/>
      <c r="C2076" s="3"/>
      <c r="D2076" s="3"/>
      <c r="E2076" s="3"/>
    </row>
    <row r="2077" spans="1:5" ht="13" customHeight="1" x14ac:dyDescent="0.35">
      <c r="A2077" s="3"/>
      <c r="C2077" s="3"/>
      <c r="D2077" s="3"/>
      <c r="E2077" s="3"/>
    </row>
    <row r="2078" spans="1:5" ht="13" customHeight="1" x14ac:dyDescent="0.35">
      <c r="A2078" s="3"/>
      <c r="C2078" s="3"/>
      <c r="D2078" s="3"/>
      <c r="E2078" s="3"/>
    </row>
    <row r="2079" spans="1:5" ht="13" customHeight="1" x14ac:dyDescent="0.35">
      <c r="A2079" s="3"/>
      <c r="C2079" s="3"/>
      <c r="D2079" s="3"/>
      <c r="E2079" s="3"/>
    </row>
    <row r="2080" spans="1:5" ht="13" customHeight="1" x14ac:dyDescent="0.35">
      <c r="A2080" s="3"/>
      <c r="C2080" s="3"/>
      <c r="D2080" s="3"/>
      <c r="E2080" s="3"/>
    </row>
    <row r="2081" spans="1:5" ht="13" customHeight="1" x14ac:dyDescent="0.35">
      <c r="A2081" s="3"/>
      <c r="C2081" s="3"/>
      <c r="D2081" s="3"/>
      <c r="E2081" s="3"/>
    </row>
    <row r="2082" spans="1:5" ht="13" customHeight="1" x14ac:dyDescent="0.35">
      <c r="A2082" s="3"/>
      <c r="C2082" s="3"/>
      <c r="D2082" s="3"/>
      <c r="E2082" s="3"/>
    </row>
    <row r="2083" spans="1:5" ht="13" customHeight="1" x14ac:dyDescent="0.35">
      <c r="A2083" s="3"/>
      <c r="C2083" s="3"/>
      <c r="D2083" s="3"/>
      <c r="E2083" s="3"/>
    </row>
    <row r="2084" spans="1:5" ht="13" customHeight="1" x14ac:dyDescent="0.35">
      <c r="A2084" s="3"/>
      <c r="C2084" s="3"/>
      <c r="D2084" s="3"/>
      <c r="E2084" s="3"/>
    </row>
    <row r="2085" spans="1:5" ht="13" customHeight="1" x14ac:dyDescent="0.35">
      <c r="A2085" s="3"/>
      <c r="C2085" s="3"/>
      <c r="D2085" s="3"/>
      <c r="E2085" s="3"/>
    </row>
    <row r="2086" spans="1:5" ht="13" customHeight="1" x14ac:dyDescent="0.35">
      <c r="A2086" s="3"/>
      <c r="C2086" s="3"/>
      <c r="D2086" s="3"/>
      <c r="E2086" s="3"/>
    </row>
    <row r="2087" spans="1:5" ht="13" customHeight="1" x14ac:dyDescent="0.35">
      <c r="A2087" s="3"/>
      <c r="C2087" s="3"/>
      <c r="D2087" s="3"/>
      <c r="E2087" s="3"/>
    </row>
    <row r="2088" spans="1:5" ht="13" customHeight="1" x14ac:dyDescent="0.35">
      <c r="A2088" s="3"/>
      <c r="C2088" s="3"/>
      <c r="D2088" s="3"/>
      <c r="E2088" s="3"/>
    </row>
    <row r="2089" spans="1:5" ht="13" customHeight="1" x14ac:dyDescent="0.35">
      <c r="A2089" s="3"/>
      <c r="C2089" s="3"/>
      <c r="D2089" s="3"/>
      <c r="E2089" s="3"/>
    </row>
    <row r="2090" spans="1:5" ht="13" customHeight="1" x14ac:dyDescent="0.35">
      <c r="A2090" s="3"/>
      <c r="C2090" s="3"/>
      <c r="D2090" s="3"/>
      <c r="E2090" s="3"/>
    </row>
    <row r="2091" spans="1:5" ht="13" customHeight="1" x14ac:dyDescent="0.35">
      <c r="A2091" s="3"/>
      <c r="C2091" s="3"/>
      <c r="D2091" s="3"/>
      <c r="E2091" s="3"/>
    </row>
    <row r="2092" spans="1:5" ht="13" customHeight="1" x14ac:dyDescent="0.35">
      <c r="A2092" s="3"/>
      <c r="C2092" s="3"/>
      <c r="D2092" s="3"/>
      <c r="E2092" s="3"/>
    </row>
    <row r="2093" spans="1:5" ht="13" customHeight="1" x14ac:dyDescent="0.35">
      <c r="A2093" s="3"/>
      <c r="C2093" s="3"/>
      <c r="D2093" s="3"/>
      <c r="E2093" s="3"/>
    </row>
    <row r="2094" spans="1:5" ht="13" customHeight="1" x14ac:dyDescent="0.35">
      <c r="A2094" s="3"/>
      <c r="C2094" s="3"/>
      <c r="D2094" s="3"/>
      <c r="E2094" s="3"/>
    </row>
    <row r="2095" spans="1:5" ht="13" customHeight="1" x14ac:dyDescent="0.35">
      <c r="A2095" s="3"/>
      <c r="C2095" s="3"/>
      <c r="D2095" s="3"/>
      <c r="E2095" s="3"/>
    </row>
    <row r="2096" spans="1:5" ht="13" customHeight="1" x14ac:dyDescent="0.35">
      <c r="A2096" s="3"/>
      <c r="C2096" s="3"/>
      <c r="D2096" s="3"/>
      <c r="E2096" s="3"/>
    </row>
    <row r="2097" spans="1:5" ht="13" customHeight="1" x14ac:dyDescent="0.35">
      <c r="A2097" s="3"/>
      <c r="C2097" s="3"/>
      <c r="D2097" s="3"/>
      <c r="E2097" s="3"/>
    </row>
    <row r="2098" spans="1:5" ht="13" customHeight="1" x14ac:dyDescent="0.35">
      <c r="A2098" s="3"/>
      <c r="C2098" s="3"/>
      <c r="D2098" s="3"/>
      <c r="E2098" s="3"/>
    </row>
    <row r="2099" spans="1:5" ht="13" customHeight="1" x14ac:dyDescent="0.35">
      <c r="A2099" s="3"/>
      <c r="C2099" s="3"/>
      <c r="D2099" s="3"/>
      <c r="E2099" s="3"/>
    </row>
    <row r="2100" spans="1:5" ht="13" customHeight="1" x14ac:dyDescent="0.35">
      <c r="A2100" s="3"/>
      <c r="C2100" s="3"/>
      <c r="D2100" s="3"/>
      <c r="E2100" s="3"/>
    </row>
    <row r="2101" spans="1:5" ht="13" customHeight="1" x14ac:dyDescent="0.35">
      <c r="A2101" s="3"/>
      <c r="C2101" s="3"/>
      <c r="D2101" s="3"/>
      <c r="E2101" s="3"/>
    </row>
    <row r="2102" spans="1:5" ht="13" customHeight="1" x14ac:dyDescent="0.35">
      <c r="A2102" s="3"/>
      <c r="C2102" s="3"/>
      <c r="D2102" s="3"/>
      <c r="E2102" s="3"/>
    </row>
    <row r="2103" spans="1:5" ht="13" customHeight="1" x14ac:dyDescent="0.35">
      <c r="A2103" s="3"/>
      <c r="C2103" s="3"/>
      <c r="D2103" s="3"/>
      <c r="E2103" s="3"/>
    </row>
    <row r="2104" spans="1:5" ht="13" customHeight="1" x14ac:dyDescent="0.35">
      <c r="A2104" s="3"/>
      <c r="C2104" s="3"/>
      <c r="D2104" s="3"/>
      <c r="E2104" s="3"/>
    </row>
    <row r="2105" spans="1:5" ht="13" customHeight="1" x14ac:dyDescent="0.35">
      <c r="A2105" s="3"/>
      <c r="C2105" s="3"/>
      <c r="D2105" s="3"/>
      <c r="E2105" s="3"/>
    </row>
    <row r="2106" spans="1:5" ht="13" customHeight="1" x14ac:dyDescent="0.35">
      <c r="A2106" s="3"/>
      <c r="C2106" s="3"/>
      <c r="D2106" s="3"/>
      <c r="E2106" s="3"/>
    </row>
    <row r="2107" spans="1:5" ht="13" customHeight="1" x14ac:dyDescent="0.35">
      <c r="A2107" s="3"/>
      <c r="C2107" s="3"/>
      <c r="D2107" s="3"/>
      <c r="E2107" s="3"/>
    </row>
    <row r="2108" spans="1:5" ht="13" customHeight="1" x14ac:dyDescent="0.35">
      <c r="A2108" s="3"/>
      <c r="C2108" s="3"/>
      <c r="D2108" s="3"/>
      <c r="E2108" s="3"/>
    </row>
    <row r="2109" spans="1:5" ht="13" customHeight="1" x14ac:dyDescent="0.35">
      <c r="A2109" s="3"/>
      <c r="C2109" s="3"/>
      <c r="D2109" s="3"/>
      <c r="E2109" s="3"/>
    </row>
    <row r="2110" spans="1:5" ht="13" customHeight="1" x14ac:dyDescent="0.35">
      <c r="A2110" s="3"/>
      <c r="C2110" s="3"/>
      <c r="D2110" s="3"/>
      <c r="E2110" s="3"/>
    </row>
    <row r="2111" spans="1:5" ht="13" customHeight="1" x14ac:dyDescent="0.35">
      <c r="A2111" s="3"/>
      <c r="C2111" s="3"/>
      <c r="D2111" s="3"/>
      <c r="E2111" s="3"/>
    </row>
    <row r="2112" spans="1:5" ht="13" customHeight="1" x14ac:dyDescent="0.35">
      <c r="A2112" s="3"/>
      <c r="C2112" s="3"/>
      <c r="D2112" s="3"/>
      <c r="E2112" s="3"/>
    </row>
    <row r="2113" spans="1:5" ht="13" customHeight="1" x14ac:dyDescent="0.35">
      <c r="A2113" s="3"/>
      <c r="C2113" s="3"/>
      <c r="D2113" s="3"/>
      <c r="E2113" s="3"/>
    </row>
    <row r="2114" spans="1:5" ht="13" customHeight="1" x14ac:dyDescent="0.35">
      <c r="A2114" s="3"/>
      <c r="C2114" s="3"/>
      <c r="D2114" s="3"/>
      <c r="E2114" s="3"/>
    </row>
    <row r="2115" spans="1:5" ht="13" customHeight="1" x14ac:dyDescent="0.35">
      <c r="A2115" s="3"/>
      <c r="C2115" s="3"/>
      <c r="D2115" s="3"/>
      <c r="E2115" s="3"/>
    </row>
    <row r="2116" spans="1:5" ht="13" customHeight="1" x14ac:dyDescent="0.35">
      <c r="A2116" s="3"/>
      <c r="C2116" s="3"/>
      <c r="D2116" s="3"/>
      <c r="E2116" s="3"/>
    </row>
    <row r="2117" spans="1:5" ht="13" customHeight="1" x14ac:dyDescent="0.35">
      <c r="A2117" s="3"/>
      <c r="C2117" s="3"/>
      <c r="D2117" s="3"/>
      <c r="E2117" s="3"/>
    </row>
    <row r="2118" spans="1:5" ht="13" customHeight="1" x14ac:dyDescent="0.35">
      <c r="A2118" s="3"/>
      <c r="C2118" s="3"/>
      <c r="D2118" s="3"/>
      <c r="E2118" s="3"/>
    </row>
    <row r="2119" spans="1:5" ht="13" customHeight="1" x14ac:dyDescent="0.35">
      <c r="A2119" s="3"/>
      <c r="C2119" s="3"/>
      <c r="D2119" s="3"/>
      <c r="E2119" s="3"/>
    </row>
    <row r="2120" spans="1:5" ht="13" customHeight="1" x14ac:dyDescent="0.35">
      <c r="A2120" s="3"/>
      <c r="C2120" s="3"/>
      <c r="D2120" s="3"/>
      <c r="E2120" s="3"/>
    </row>
    <row r="2121" spans="1:5" ht="13" customHeight="1" x14ac:dyDescent="0.35">
      <c r="A2121" s="3"/>
      <c r="C2121" s="3"/>
      <c r="D2121" s="3"/>
      <c r="E2121" s="3"/>
    </row>
    <row r="2122" spans="1:5" ht="13" customHeight="1" x14ac:dyDescent="0.35">
      <c r="A2122" s="3"/>
      <c r="C2122" s="3"/>
      <c r="D2122" s="3"/>
      <c r="E2122" s="3"/>
    </row>
    <row r="2123" spans="1:5" ht="13" customHeight="1" x14ac:dyDescent="0.35">
      <c r="A2123" s="3"/>
      <c r="C2123" s="3"/>
      <c r="D2123" s="3"/>
      <c r="E2123" s="3"/>
    </row>
    <row r="2124" spans="1:5" ht="13" customHeight="1" x14ac:dyDescent="0.35">
      <c r="A2124" s="3"/>
      <c r="C2124" s="3"/>
      <c r="D2124" s="3"/>
      <c r="E2124" s="3"/>
    </row>
    <row r="2125" spans="1:5" ht="13" customHeight="1" x14ac:dyDescent="0.35">
      <c r="A2125" s="3"/>
      <c r="C2125" s="3"/>
      <c r="D2125" s="3"/>
      <c r="E2125" s="3"/>
    </row>
    <row r="2126" spans="1:5" ht="13" customHeight="1" x14ac:dyDescent="0.35">
      <c r="A2126" s="3"/>
      <c r="C2126" s="3"/>
      <c r="D2126" s="3"/>
      <c r="E2126" s="3"/>
    </row>
    <row r="2127" spans="1:5" ht="13" customHeight="1" x14ac:dyDescent="0.35">
      <c r="A2127" s="3"/>
      <c r="C2127" s="3"/>
      <c r="D2127" s="3"/>
      <c r="E2127" s="3"/>
    </row>
    <row r="2128" spans="1:5" ht="13" customHeight="1" x14ac:dyDescent="0.35">
      <c r="A2128" s="3"/>
      <c r="C2128" s="3"/>
      <c r="D2128" s="3"/>
      <c r="E2128" s="3"/>
    </row>
    <row r="2129" spans="1:5" ht="13" customHeight="1" x14ac:dyDescent="0.35">
      <c r="A2129" s="3"/>
      <c r="C2129" s="3"/>
      <c r="D2129" s="3"/>
      <c r="E2129" s="3"/>
    </row>
    <row r="2130" spans="1:5" ht="13" customHeight="1" x14ac:dyDescent="0.35">
      <c r="A2130" s="3"/>
      <c r="C2130" s="3"/>
      <c r="D2130" s="3"/>
      <c r="E2130" s="3"/>
    </row>
    <row r="2131" spans="1:5" ht="13" customHeight="1" x14ac:dyDescent="0.35">
      <c r="A2131" s="3"/>
      <c r="C2131" s="3"/>
      <c r="D2131" s="3"/>
      <c r="E2131" s="3"/>
    </row>
    <row r="2132" spans="1:5" ht="13" customHeight="1" x14ac:dyDescent="0.35">
      <c r="A2132" s="3"/>
      <c r="C2132" s="3"/>
      <c r="D2132" s="3"/>
      <c r="E2132" s="3"/>
    </row>
    <row r="2133" spans="1:5" ht="13" customHeight="1" x14ac:dyDescent="0.35">
      <c r="A2133" s="3"/>
      <c r="C2133" s="3"/>
      <c r="D2133" s="3"/>
      <c r="E2133" s="3"/>
    </row>
    <row r="2134" spans="1:5" ht="13" customHeight="1" x14ac:dyDescent="0.35">
      <c r="A2134" s="3"/>
      <c r="C2134" s="3"/>
      <c r="D2134" s="3"/>
      <c r="E2134" s="3"/>
    </row>
    <row r="2135" spans="1:5" ht="13" customHeight="1" x14ac:dyDescent="0.35">
      <c r="A2135" s="3"/>
      <c r="C2135" s="3"/>
      <c r="D2135" s="3"/>
      <c r="E2135" s="3"/>
    </row>
    <row r="2136" spans="1:5" ht="13" customHeight="1" x14ac:dyDescent="0.35">
      <c r="A2136" s="3"/>
      <c r="C2136" s="3"/>
      <c r="D2136" s="3"/>
      <c r="E2136" s="3"/>
    </row>
    <row r="2137" spans="1:5" ht="13" customHeight="1" x14ac:dyDescent="0.35">
      <c r="A2137" s="3"/>
      <c r="C2137" s="3"/>
      <c r="D2137" s="3"/>
      <c r="E2137" s="3"/>
    </row>
    <row r="2138" spans="1:5" ht="13" customHeight="1" x14ac:dyDescent="0.35">
      <c r="A2138" s="3"/>
      <c r="C2138" s="3"/>
      <c r="D2138" s="3"/>
      <c r="E2138" s="3"/>
    </row>
    <row r="2139" spans="1:5" ht="13" customHeight="1" x14ac:dyDescent="0.35">
      <c r="A2139" s="3"/>
      <c r="C2139" s="3"/>
      <c r="D2139" s="3"/>
      <c r="E2139" s="3"/>
    </row>
    <row r="2140" spans="1:5" ht="13" customHeight="1" x14ac:dyDescent="0.35">
      <c r="A2140" s="3"/>
      <c r="C2140" s="3"/>
      <c r="D2140" s="3"/>
      <c r="E2140" s="3"/>
    </row>
    <row r="2141" spans="1:5" ht="13" customHeight="1" x14ac:dyDescent="0.35">
      <c r="A2141" s="3"/>
      <c r="C2141" s="3"/>
      <c r="D2141" s="3"/>
      <c r="E2141" s="3"/>
    </row>
    <row r="2142" spans="1:5" ht="13" customHeight="1" x14ac:dyDescent="0.35">
      <c r="A2142" s="3"/>
      <c r="C2142" s="3"/>
      <c r="D2142" s="3"/>
      <c r="E2142" s="3"/>
    </row>
    <row r="2143" spans="1:5" ht="13" customHeight="1" x14ac:dyDescent="0.35">
      <c r="A2143" s="3"/>
      <c r="C2143" s="3"/>
      <c r="D2143" s="3"/>
      <c r="E2143" s="3"/>
    </row>
    <row r="2144" spans="1:5" ht="13" customHeight="1" x14ac:dyDescent="0.35">
      <c r="A2144" s="3"/>
      <c r="C2144" s="3"/>
      <c r="D2144" s="3"/>
      <c r="E2144" s="3"/>
    </row>
    <row r="2145" spans="1:5" ht="13" customHeight="1" x14ac:dyDescent="0.35">
      <c r="A2145" s="3"/>
      <c r="C2145" s="3"/>
      <c r="D2145" s="3"/>
      <c r="E2145" s="3"/>
    </row>
    <row r="2146" spans="1:5" ht="13" customHeight="1" x14ac:dyDescent="0.35">
      <c r="A2146" s="3"/>
      <c r="C2146" s="3"/>
      <c r="D2146" s="3"/>
      <c r="E2146" s="3"/>
    </row>
    <row r="2147" spans="1:5" ht="13" customHeight="1" x14ac:dyDescent="0.35">
      <c r="A2147" s="3"/>
      <c r="C2147" s="3"/>
      <c r="D2147" s="3"/>
      <c r="E2147" s="3"/>
    </row>
    <row r="2148" spans="1:5" ht="13" customHeight="1" x14ac:dyDescent="0.35">
      <c r="A2148" s="3"/>
      <c r="C2148" s="3"/>
      <c r="D2148" s="3"/>
      <c r="E2148" s="3"/>
    </row>
    <row r="2149" spans="1:5" ht="13" customHeight="1" x14ac:dyDescent="0.35">
      <c r="A2149" s="3"/>
      <c r="C2149" s="3"/>
      <c r="D2149" s="3"/>
      <c r="E2149" s="3"/>
    </row>
    <row r="2150" spans="1:5" ht="13" customHeight="1" x14ac:dyDescent="0.35">
      <c r="A2150" s="3"/>
      <c r="C2150" s="3"/>
      <c r="D2150" s="3"/>
      <c r="E2150" s="3"/>
    </row>
    <row r="2151" spans="1:5" ht="13" customHeight="1" x14ac:dyDescent="0.35">
      <c r="A2151" s="3"/>
      <c r="C2151" s="3"/>
      <c r="D2151" s="3"/>
      <c r="E2151" s="3"/>
    </row>
    <row r="2152" spans="1:5" ht="13" customHeight="1" x14ac:dyDescent="0.35">
      <c r="A2152" s="3"/>
      <c r="C2152" s="3"/>
      <c r="D2152" s="3"/>
      <c r="E2152" s="3"/>
    </row>
    <row r="2153" spans="1:5" ht="13" customHeight="1" x14ac:dyDescent="0.35">
      <c r="A2153" s="3"/>
      <c r="C2153" s="3"/>
      <c r="D2153" s="3"/>
      <c r="E2153" s="3"/>
    </row>
    <row r="2154" spans="1:5" ht="13" customHeight="1" x14ac:dyDescent="0.35">
      <c r="A2154" s="3"/>
      <c r="C2154" s="3"/>
      <c r="D2154" s="3"/>
      <c r="E2154" s="3"/>
    </row>
    <row r="2155" spans="1:5" ht="13" customHeight="1" x14ac:dyDescent="0.35">
      <c r="A2155" s="3"/>
      <c r="C2155" s="3"/>
      <c r="D2155" s="3"/>
      <c r="E2155" s="3"/>
    </row>
    <row r="2156" spans="1:5" ht="13" customHeight="1" x14ac:dyDescent="0.35">
      <c r="A2156" s="3"/>
      <c r="C2156" s="3"/>
      <c r="D2156" s="3"/>
      <c r="E2156" s="3"/>
    </row>
    <row r="2157" spans="1:5" ht="13" customHeight="1" x14ac:dyDescent="0.35">
      <c r="A2157" s="3"/>
      <c r="C2157" s="3"/>
      <c r="D2157" s="3"/>
      <c r="E2157" s="3"/>
    </row>
    <row r="2158" spans="1:5" ht="13" customHeight="1" x14ac:dyDescent="0.35">
      <c r="A2158" s="3"/>
      <c r="C2158" s="3"/>
      <c r="D2158" s="3"/>
      <c r="E2158" s="3"/>
    </row>
    <row r="2159" spans="1:5" ht="13" customHeight="1" x14ac:dyDescent="0.35">
      <c r="A2159" s="3"/>
      <c r="C2159" s="3"/>
      <c r="D2159" s="3"/>
      <c r="E2159" s="3"/>
    </row>
    <row r="2160" spans="1:5" ht="13" customHeight="1" x14ac:dyDescent="0.35">
      <c r="A2160" s="3"/>
      <c r="C2160" s="3"/>
      <c r="D2160" s="3"/>
      <c r="E2160" s="3"/>
    </row>
    <row r="2161" spans="1:5" ht="13" customHeight="1" x14ac:dyDescent="0.35">
      <c r="A2161" s="3"/>
      <c r="C2161" s="3"/>
      <c r="D2161" s="3"/>
      <c r="E2161" s="3"/>
    </row>
    <row r="2162" spans="1:5" ht="13" customHeight="1" x14ac:dyDescent="0.35">
      <c r="A2162" s="3"/>
      <c r="C2162" s="3"/>
      <c r="D2162" s="3"/>
      <c r="E2162" s="3"/>
    </row>
    <row r="2163" spans="1:5" ht="13" customHeight="1" x14ac:dyDescent="0.35">
      <c r="A2163" s="3"/>
      <c r="C2163" s="3"/>
      <c r="D2163" s="3"/>
      <c r="E2163" s="3"/>
    </row>
    <row r="2164" spans="1:5" ht="13" customHeight="1" x14ac:dyDescent="0.35">
      <c r="A2164" s="3"/>
      <c r="C2164" s="3"/>
      <c r="D2164" s="3"/>
      <c r="E2164" s="3"/>
    </row>
    <row r="2165" spans="1:5" ht="13" customHeight="1" x14ac:dyDescent="0.35">
      <c r="A2165" s="3"/>
      <c r="C2165" s="3"/>
      <c r="D2165" s="3"/>
      <c r="E2165" s="3"/>
    </row>
    <row r="2166" spans="1:5" ht="13" customHeight="1" x14ac:dyDescent="0.35">
      <c r="A2166" s="3"/>
      <c r="C2166" s="3"/>
      <c r="D2166" s="3"/>
      <c r="E2166" s="3"/>
    </row>
    <row r="2167" spans="1:5" ht="13" customHeight="1" x14ac:dyDescent="0.35">
      <c r="A2167" s="3"/>
      <c r="C2167" s="3"/>
      <c r="D2167" s="3"/>
      <c r="E2167" s="3"/>
    </row>
    <row r="2168" spans="1:5" ht="13" customHeight="1" x14ac:dyDescent="0.35">
      <c r="A2168" s="3"/>
      <c r="C2168" s="3"/>
      <c r="D2168" s="3"/>
      <c r="E2168" s="3"/>
    </row>
    <row r="2169" spans="1:5" ht="13" customHeight="1" x14ac:dyDescent="0.35">
      <c r="A2169" s="3"/>
      <c r="C2169" s="3"/>
      <c r="D2169" s="3"/>
      <c r="E2169" s="3"/>
    </row>
    <row r="2170" spans="1:5" ht="13" customHeight="1" x14ac:dyDescent="0.35">
      <c r="A2170" s="3"/>
      <c r="C2170" s="3"/>
      <c r="D2170" s="3"/>
      <c r="E2170" s="3"/>
    </row>
    <row r="2171" spans="1:5" ht="13" customHeight="1" x14ac:dyDescent="0.35">
      <c r="A2171" s="3"/>
      <c r="C2171" s="3"/>
      <c r="D2171" s="3"/>
      <c r="E2171" s="3"/>
    </row>
    <row r="2172" spans="1:5" ht="13" customHeight="1" x14ac:dyDescent="0.35">
      <c r="A2172" s="3"/>
      <c r="C2172" s="3"/>
      <c r="D2172" s="3"/>
      <c r="E2172" s="3"/>
    </row>
    <row r="2173" spans="1:5" ht="13" customHeight="1" x14ac:dyDescent="0.35">
      <c r="A2173" s="3"/>
      <c r="C2173" s="3"/>
      <c r="D2173" s="3"/>
      <c r="E2173" s="3"/>
    </row>
    <row r="2174" spans="1:5" ht="13" customHeight="1" x14ac:dyDescent="0.35">
      <c r="A2174" s="3"/>
      <c r="C2174" s="3"/>
      <c r="D2174" s="3"/>
      <c r="E2174" s="3"/>
    </row>
    <row r="2175" spans="1:5" ht="13" customHeight="1" x14ac:dyDescent="0.35">
      <c r="A2175" s="3"/>
      <c r="C2175" s="3"/>
      <c r="D2175" s="3"/>
      <c r="E2175" s="3"/>
    </row>
    <row r="2176" spans="1:5" ht="13" customHeight="1" x14ac:dyDescent="0.35">
      <c r="A2176" s="3"/>
      <c r="C2176" s="3"/>
      <c r="D2176" s="3"/>
      <c r="E2176" s="3"/>
    </row>
    <row r="2177" spans="1:5" ht="13" customHeight="1" x14ac:dyDescent="0.35">
      <c r="A2177" s="3"/>
      <c r="C2177" s="3"/>
      <c r="D2177" s="3"/>
      <c r="E2177" s="3"/>
    </row>
    <row r="2178" spans="1:5" ht="13" customHeight="1" x14ac:dyDescent="0.35">
      <c r="A2178" s="3"/>
      <c r="C2178" s="3"/>
      <c r="D2178" s="3"/>
      <c r="E2178" s="3"/>
    </row>
    <row r="2179" spans="1:5" ht="13" customHeight="1" x14ac:dyDescent="0.35">
      <c r="A2179" s="3"/>
      <c r="C2179" s="3"/>
      <c r="D2179" s="3"/>
      <c r="E2179" s="3"/>
    </row>
    <row r="2180" spans="1:5" ht="13" customHeight="1" x14ac:dyDescent="0.35">
      <c r="A2180" s="3"/>
      <c r="C2180" s="3"/>
      <c r="D2180" s="3"/>
      <c r="E2180" s="3"/>
    </row>
    <row r="2181" spans="1:5" ht="13" customHeight="1" x14ac:dyDescent="0.35">
      <c r="A2181" s="3"/>
      <c r="C2181" s="3"/>
      <c r="D2181" s="3"/>
      <c r="E2181" s="3"/>
    </row>
    <row r="2182" spans="1:5" ht="13" customHeight="1" x14ac:dyDescent="0.35">
      <c r="A2182" s="3"/>
      <c r="C2182" s="3"/>
      <c r="D2182" s="3"/>
      <c r="E2182" s="3"/>
    </row>
    <row r="2183" spans="1:5" ht="13" customHeight="1" x14ac:dyDescent="0.35">
      <c r="A2183" s="3"/>
      <c r="C2183" s="3"/>
      <c r="D2183" s="3"/>
      <c r="E2183" s="3"/>
    </row>
    <row r="2184" spans="1:5" ht="13" customHeight="1" x14ac:dyDescent="0.35">
      <c r="A2184" s="3"/>
      <c r="C2184" s="3"/>
      <c r="D2184" s="3"/>
      <c r="E2184" s="3"/>
    </row>
    <row r="2185" spans="1:5" ht="13" customHeight="1" x14ac:dyDescent="0.35">
      <c r="A2185" s="3"/>
      <c r="C2185" s="3"/>
      <c r="D2185" s="3"/>
      <c r="E2185" s="3"/>
    </row>
    <row r="2186" spans="1:5" ht="13" customHeight="1" x14ac:dyDescent="0.35">
      <c r="A2186" s="3"/>
      <c r="C2186" s="3"/>
      <c r="D2186" s="3"/>
      <c r="E2186" s="3"/>
    </row>
    <row r="2187" spans="1:5" ht="13" customHeight="1" x14ac:dyDescent="0.35">
      <c r="A2187" s="3"/>
      <c r="C2187" s="3"/>
      <c r="D2187" s="3"/>
      <c r="E2187" s="3"/>
    </row>
    <row r="2188" spans="1:5" ht="13" customHeight="1" x14ac:dyDescent="0.35">
      <c r="A2188" s="3"/>
      <c r="C2188" s="3"/>
      <c r="D2188" s="3"/>
      <c r="E2188" s="3"/>
    </row>
    <row r="2189" spans="1:5" ht="13" customHeight="1" x14ac:dyDescent="0.35">
      <c r="A2189" s="3"/>
      <c r="C2189" s="3"/>
      <c r="D2189" s="3"/>
      <c r="E2189" s="3"/>
    </row>
    <row r="2190" spans="1:5" ht="13" customHeight="1" x14ac:dyDescent="0.35">
      <c r="A2190" s="3"/>
      <c r="C2190" s="3"/>
      <c r="D2190" s="3"/>
      <c r="E2190" s="3"/>
    </row>
    <row r="2191" spans="1:5" ht="13" customHeight="1" x14ac:dyDescent="0.35">
      <c r="A2191" s="3"/>
      <c r="C2191" s="3"/>
      <c r="D2191" s="3"/>
      <c r="E2191" s="3"/>
    </row>
    <row r="2192" spans="1:5" ht="13" customHeight="1" x14ac:dyDescent="0.35">
      <c r="A2192" s="3"/>
      <c r="C2192" s="3"/>
      <c r="D2192" s="3"/>
      <c r="E2192" s="3"/>
    </row>
    <row r="2193" spans="1:5" ht="13" customHeight="1" x14ac:dyDescent="0.35">
      <c r="A2193" s="3"/>
      <c r="C2193" s="3"/>
      <c r="D2193" s="3"/>
      <c r="E2193" s="3"/>
    </row>
    <row r="2194" spans="1:5" ht="13" customHeight="1" x14ac:dyDescent="0.35">
      <c r="A2194" s="3"/>
      <c r="C2194" s="3"/>
      <c r="D2194" s="3"/>
      <c r="E2194" s="3"/>
    </row>
    <row r="2195" spans="1:5" ht="13" customHeight="1" x14ac:dyDescent="0.35">
      <c r="A2195" s="3"/>
      <c r="C2195" s="3"/>
      <c r="D2195" s="3"/>
      <c r="E2195" s="3"/>
    </row>
    <row r="2196" spans="1:5" ht="13" customHeight="1" x14ac:dyDescent="0.35">
      <c r="A2196" s="3"/>
      <c r="C2196" s="3"/>
      <c r="D2196" s="3"/>
      <c r="E2196" s="3"/>
    </row>
    <row r="2197" spans="1:5" ht="13" customHeight="1" x14ac:dyDescent="0.35">
      <c r="A2197" s="3"/>
      <c r="C2197" s="3"/>
      <c r="D2197" s="3"/>
      <c r="E2197" s="3"/>
    </row>
    <row r="2198" spans="1:5" ht="13" customHeight="1" x14ac:dyDescent="0.35">
      <c r="A2198" s="3"/>
      <c r="C2198" s="3"/>
      <c r="D2198" s="3"/>
      <c r="E2198" s="3"/>
    </row>
    <row r="2199" spans="1:5" ht="13" customHeight="1" x14ac:dyDescent="0.35">
      <c r="A2199" s="3"/>
      <c r="C2199" s="3"/>
      <c r="D2199" s="3"/>
      <c r="E2199" s="3"/>
    </row>
    <row r="2200" spans="1:5" ht="13" customHeight="1" x14ac:dyDescent="0.35">
      <c r="A2200" s="3"/>
      <c r="C2200" s="3"/>
      <c r="D2200" s="3"/>
      <c r="E2200" s="3"/>
    </row>
    <row r="2201" spans="1:5" ht="13" customHeight="1" x14ac:dyDescent="0.35">
      <c r="A2201" s="3"/>
      <c r="C2201" s="3"/>
      <c r="D2201" s="3"/>
      <c r="E2201" s="3"/>
    </row>
    <row r="2202" spans="1:5" ht="13" customHeight="1" x14ac:dyDescent="0.35">
      <c r="A2202" s="3"/>
      <c r="C2202" s="3"/>
      <c r="D2202" s="3"/>
      <c r="E2202" s="3"/>
    </row>
    <row r="2203" spans="1:5" ht="13" customHeight="1" x14ac:dyDescent="0.35">
      <c r="A2203" s="3"/>
      <c r="C2203" s="3"/>
      <c r="D2203" s="3"/>
      <c r="E2203" s="3"/>
    </row>
    <row r="2204" spans="1:5" ht="13" customHeight="1" x14ac:dyDescent="0.35">
      <c r="A2204" s="3"/>
      <c r="C2204" s="3"/>
      <c r="D2204" s="3"/>
      <c r="E2204" s="3"/>
    </row>
    <row r="2205" spans="1:5" ht="13" customHeight="1" x14ac:dyDescent="0.35">
      <c r="A2205" s="3"/>
      <c r="C2205" s="3"/>
      <c r="D2205" s="3"/>
      <c r="E2205" s="3"/>
    </row>
    <row r="2206" spans="1:5" ht="13" customHeight="1" x14ac:dyDescent="0.35">
      <c r="A2206" s="3"/>
      <c r="C2206" s="3"/>
      <c r="D2206" s="3"/>
      <c r="E2206" s="3"/>
    </row>
    <row r="2207" spans="1:5" ht="13" customHeight="1" x14ac:dyDescent="0.35">
      <c r="A2207" s="3"/>
      <c r="C2207" s="3"/>
      <c r="D2207" s="3"/>
      <c r="E2207" s="3"/>
    </row>
    <row r="2208" spans="1:5" ht="13" customHeight="1" x14ac:dyDescent="0.35">
      <c r="A2208" s="3"/>
      <c r="C2208" s="3"/>
      <c r="D2208" s="3"/>
      <c r="E2208" s="3"/>
    </row>
    <row r="2209" spans="1:5" ht="13" customHeight="1" x14ac:dyDescent="0.35">
      <c r="A2209" s="3"/>
      <c r="C2209" s="3"/>
      <c r="D2209" s="3"/>
      <c r="E2209" s="3"/>
    </row>
    <row r="2210" spans="1:5" ht="13" customHeight="1" x14ac:dyDescent="0.35">
      <c r="A2210" s="3"/>
      <c r="C2210" s="3"/>
      <c r="D2210" s="3"/>
      <c r="E2210" s="3"/>
    </row>
    <row r="2211" spans="1:5" ht="13" customHeight="1" x14ac:dyDescent="0.35">
      <c r="A2211" s="3"/>
      <c r="C2211" s="3"/>
      <c r="D2211" s="3"/>
      <c r="E2211" s="3"/>
    </row>
    <row r="2212" spans="1:5" ht="13" customHeight="1" x14ac:dyDescent="0.35">
      <c r="A2212" s="3"/>
      <c r="C2212" s="3"/>
      <c r="D2212" s="3"/>
      <c r="E2212" s="3"/>
    </row>
    <row r="2213" spans="1:5" ht="13" customHeight="1" x14ac:dyDescent="0.35">
      <c r="A2213" s="3"/>
      <c r="C2213" s="3"/>
      <c r="D2213" s="3"/>
      <c r="E2213" s="3"/>
    </row>
    <row r="2214" spans="1:5" ht="13" customHeight="1" x14ac:dyDescent="0.35">
      <c r="A2214" s="3"/>
      <c r="C2214" s="3"/>
      <c r="D2214" s="3"/>
      <c r="E2214" s="3"/>
    </row>
    <row r="2215" spans="1:5" ht="13" customHeight="1" x14ac:dyDescent="0.35">
      <c r="A2215" s="3"/>
      <c r="C2215" s="3"/>
      <c r="D2215" s="3"/>
      <c r="E2215" s="3"/>
    </row>
    <row r="2216" spans="1:5" ht="13" customHeight="1" x14ac:dyDescent="0.35">
      <c r="A2216" s="3"/>
      <c r="C2216" s="3"/>
      <c r="D2216" s="3"/>
      <c r="E2216" s="3"/>
    </row>
    <row r="2217" spans="1:5" ht="13" customHeight="1" x14ac:dyDescent="0.35">
      <c r="A2217" s="3"/>
      <c r="C2217" s="3"/>
      <c r="D2217" s="3"/>
      <c r="E2217" s="3"/>
    </row>
    <row r="2218" spans="1:5" ht="13" customHeight="1" x14ac:dyDescent="0.35">
      <c r="A2218" s="3"/>
      <c r="C2218" s="3"/>
      <c r="D2218" s="3"/>
      <c r="E2218" s="3"/>
    </row>
    <row r="2219" spans="1:5" ht="13" customHeight="1" x14ac:dyDescent="0.35">
      <c r="A2219" s="3"/>
      <c r="C2219" s="3"/>
      <c r="D2219" s="3"/>
      <c r="E2219" s="3"/>
    </row>
    <row r="2220" spans="1:5" ht="13" customHeight="1" x14ac:dyDescent="0.35">
      <c r="A2220" s="3"/>
      <c r="C2220" s="3"/>
      <c r="D2220" s="3"/>
      <c r="E2220" s="3"/>
    </row>
    <row r="2221" spans="1:5" ht="13" customHeight="1" x14ac:dyDescent="0.35">
      <c r="A2221" s="3"/>
      <c r="C2221" s="3"/>
      <c r="D2221" s="3"/>
      <c r="E2221" s="3"/>
    </row>
    <row r="2222" spans="1:5" ht="13" customHeight="1" x14ac:dyDescent="0.35">
      <c r="A2222" s="3"/>
      <c r="C2222" s="3"/>
      <c r="D2222" s="3"/>
      <c r="E2222" s="3"/>
    </row>
    <row r="2223" spans="1:5" ht="13" customHeight="1" x14ac:dyDescent="0.35">
      <c r="A2223" s="3"/>
      <c r="C2223" s="3"/>
      <c r="D2223" s="3"/>
      <c r="E2223" s="3"/>
    </row>
    <row r="2224" spans="1:5" ht="13" customHeight="1" x14ac:dyDescent="0.35">
      <c r="A2224" s="3"/>
      <c r="C2224" s="3"/>
      <c r="D2224" s="3"/>
      <c r="E2224" s="3"/>
    </row>
    <row r="2225" spans="1:5" ht="13" customHeight="1" x14ac:dyDescent="0.35">
      <c r="A2225" s="3"/>
      <c r="C2225" s="3"/>
      <c r="D2225" s="3"/>
      <c r="E2225" s="3"/>
    </row>
    <row r="2226" spans="1:5" ht="13" customHeight="1" x14ac:dyDescent="0.35">
      <c r="A2226" s="3"/>
      <c r="C2226" s="3"/>
      <c r="D2226" s="3"/>
      <c r="E2226" s="3"/>
    </row>
    <row r="2227" spans="1:5" ht="13" customHeight="1" x14ac:dyDescent="0.35">
      <c r="A2227" s="3"/>
      <c r="C2227" s="3"/>
      <c r="D2227" s="3"/>
      <c r="E2227" s="3"/>
    </row>
    <row r="2228" spans="1:5" ht="13" customHeight="1" x14ac:dyDescent="0.35">
      <c r="A2228" s="3"/>
      <c r="C2228" s="3"/>
      <c r="D2228" s="3"/>
      <c r="E2228" s="3"/>
    </row>
    <row r="2229" spans="1:5" ht="13" customHeight="1" x14ac:dyDescent="0.35">
      <c r="A2229" s="3"/>
      <c r="C2229" s="3"/>
      <c r="D2229" s="3"/>
      <c r="E2229" s="3"/>
    </row>
    <row r="2230" spans="1:5" ht="13" customHeight="1" x14ac:dyDescent="0.35">
      <c r="A2230" s="3"/>
      <c r="C2230" s="3"/>
      <c r="D2230" s="3"/>
      <c r="E2230" s="3"/>
    </row>
    <row r="2231" spans="1:5" ht="13" customHeight="1" x14ac:dyDescent="0.35">
      <c r="A2231" s="3"/>
      <c r="C2231" s="3"/>
      <c r="D2231" s="3"/>
      <c r="E2231" s="3"/>
    </row>
    <row r="2232" spans="1:5" ht="13" customHeight="1" x14ac:dyDescent="0.35">
      <c r="A2232" s="3"/>
      <c r="C2232" s="3"/>
      <c r="D2232" s="3"/>
      <c r="E2232" s="3"/>
    </row>
    <row r="2233" spans="1:5" ht="13" customHeight="1" x14ac:dyDescent="0.35">
      <c r="A2233" s="3"/>
      <c r="C2233" s="3"/>
      <c r="D2233" s="3"/>
      <c r="E2233" s="3"/>
    </row>
    <row r="2234" spans="1:5" ht="13" customHeight="1" x14ac:dyDescent="0.35">
      <c r="A2234" s="3"/>
      <c r="C2234" s="3"/>
      <c r="D2234" s="3"/>
      <c r="E2234" s="3"/>
    </row>
    <row r="2235" spans="1:5" ht="13" customHeight="1" x14ac:dyDescent="0.35">
      <c r="A2235" s="3"/>
      <c r="C2235" s="3"/>
      <c r="D2235" s="3"/>
      <c r="E2235" s="3"/>
    </row>
    <row r="2236" spans="1:5" ht="13" customHeight="1" x14ac:dyDescent="0.35">
      <c r="A2236" s="3"/>
      <c r="C2236" s="3"/>
      <c r="D2236" s="3"/>
      <c r="E2236" s="3"/>
    </row>
    <row r="2237" spans="1:5" ht="13" customHeight="1" x14ac:dyDescent="0.35">
      <c r="A2237" s="3"/>
      <c r="C2237" s="3"/>
      <c r="D2237" s="3"/>
      <c r="E2237" s="3"/>
    </row>
    <row r="2238" spans="1:5" ht="13" customHeight="1" x14ac:dyDescent="0.35">
      <c r="A2238" s="3"/>
      <c r="C2238" s="3"/>
      <c r="D2238" s="3"/>
      <c r="E2238" s="3"/>
    </row>
    <row r="2239" spans="1:5" ht="13" customHeight="1" x14ac:dyDescent="0.35">
      <c r="A2239" s="3"/>
      <c r="C2239" s="3"/>
      <c r="D2239" s="3"/>
      <c r="E2239" s="3"/>
    </row>
    <row r="2240" spans="1:5" ht="13" customHeight="1" x14ac:dyDescent="0.35">
      <c r="A2240" s="3"/>
      <c r="C2240" s="3"/>
      <c r="D2240" s="3"/>
      <c r="E2240" s="3"/>
    </row>
    <row r="2241" spans="1:5" ht="13" customHeight="1" x14ac:dyDescent="0.35">
      <c r="A2241" s="3"/>
      <c r="C2241" s="3"/>
      <c r="D2241" s="3"/>
      <c r="E2241" s="3"/>
    </row>
    <row r="2242" spans="1:5" ht="13" customHeight="1" x14ac:dyDescent="0.35">
      <c r="A2242" s="3"/>
      <c r="C2242" s="3"/>
      <c r="D2242" s="3"/>
      <c r="E2242" s="3"/>
    </row>
    <row r="2243" spans="1:5" ht="13" customHeight="1" x14ac:dyDescent="0.35">
      <c r="A2243" s="3"/>
      <c r="C2243" s="3"/>
      <c r="D2243" s="3"/>
      <c r="E2243" s="3"/>
    </row>
    <row r="2244" spans="1:5" ht="13" customHeight="1" x14ac:dyDescent="0.35">
      <c r="A2244" s="3"/>
      <c r="C2244" s="3"/>
      <c r="D2244" s="3"/>
      <c r="E2244" s="3"/>
    </row>
    <row r="2245" spans="1:5" ht="13" customHeight="1" x14ac:dyDescent="0.35">
      <c r="A2245" s="3"/>
      <c r="C2245" s="3"/>
      <c r="D2245" s="3"/>
      <c r="E2245" s="3"/>
    </row>
    <row r="2246" spans="1:5" ht="13" customHeight="1" x14ac:dyDescent="0.35">
      <c r="A2246" s="3"/>
      <c r="C2246" s="3"/>
      <c r="D2246" s="3"/>
      <c r="E2246" s="3"/>
    </row>
    <row r="2247" spans="1:5" ht="13" customHeight="1" x14ac:dyDescent="0.35">
      <c r="A2247" s="3"/>
      <c r="C2247" s="3"/>
      <c r="D2247" s="3"/>
      <c r="E2247" s="3"/>
    </row>
    <row r="2248" spans="1:5" ht="13" customHeight="1" x14ac:dyDescent="0.35">
      <c r="A2248" s="3"/>
      <c r="C2248" s="3"/>
      <c r="D2248" s="3"/>
      <c r="E2248" s="3"/>
    </row>
    <row r="2249" spans="1:5" ht="13" customHeight="1" x14ac:dyDescent="0.35">
      <c r="A2249" s="3"/>
      <c r="C2249" s="3"/>
      <c r="D2249" s="3"/>
      <c r="E2249" s="3"/>
    </row>
    <row r="2250" spans="1:5" ht="13" customHeight="1" x14ac:dyDescent="0.35">
      <c r="A2250" s="3"/>
      <c r="C2250" s="3"/>
      <c r="D2250" s="3"/>
      <c r="E2250" s="3"/>
    </row>
    <row r="2251" spans="1:5" ht="13" customHeight="1" x14ac:dyDescent="0.35">
      <c r="A2251" s="3"/>
      <c r="C2251" s="3"/>
      <c r="D2251" s="3"/>
      <c r="E2251" s="3"/>
    </row>
    <row r="2252" spans="1:5" ht="13" customHeight="1" x14ac:dyDescent="0.35">
      <c r="A2252" s="3"/>
      <c r="C2252" s="3"/>
      <c r="D2252" s="3"/>
      <c r="E2252" s="3"/>
    </row>
    <row r="2253" spans="1:5" ht="13" customHeight="1" x14ac:dyDescent="0.35">
      <c r="A2253" s="3"/>
      <c r="C2253" s="3"/>
      <c r="D2253" s="3"/>
      <c r="E2253" s="3"/>
    </row>
    <row r="2254" spans="1:5" ht="13" customHeight="1" x14ac:dyDescent="0.35">
      <c r="A2254" s="3"/>
      <c r="C2254" s="3"/>
      <c r="D2254" s="3"/>
      <c r="E2254" s="3"/>
    </row>
    <row r="2255" spans="1:5" ht="13" customHeight="1" x14ac:dyDescent="0.35">
      <c r="A2255" s="3"/>
      <c r="C2255" s="3"/>
      <c r="D2255" s="3"/>
      <c r="E2255" s="3"/>
    </row>
    <row r="2256" spans="1:5" ht="13" customHeight="1" x14ac:dyDescent="0.35">
      <c r="A2256" s="3"/>
      <c r="C2256" s="3"/>
      <c r="D2256" s="3"/>
      <c r="E2256" s="3"/>
    </row>
    <row r="2257" spans="1:5" ht="13" customHeight="1" x14ac:dyDescent="0.35">
      <c r="A2257" s="3"/>
      <c r="C2257" s="3"/>
      <c r="D2257" s="3"/>
      <c r="E2257" s="3"/>
    </row>
    <row r="2258" spans="1:5" ht="13" customHeight="1" x14ac:dyDescent="0.35">
      <c r="A2258" s="3"/>
      <c r="C2258" s="3"/>
      <c r="D2258" s="3"/>
      <c r="E2258" s="3"/>
    </row>
    <row r="2259" spans="1:5" ht="13" customHeight="1" x14ac:dyDescent="0.35">
      <c r="A2259" s="3"/>
      <c r="C2259" s="3"/>
      <c r="D2259" s="3"/>
      <c r="E2259" s="3"/>
    </row>
    <row r="2260" spans="1:5" ht="13" customHeight="1" x14ac:dyDescent="0.35">
      <c r="A2260" s="3"/>
      <c r="C2260" s="3"/>
      <c r="D2260" s="3"/>
      <c r="E2260" s="3"/>
    </row>
    <row r="2261" spans="1:5" ht="13" customHeight="1" x14ac:dyDescent="0.35">
      <c r="A2261" s="3"/>
      <c r="C2261" s="3"/>
      <c r="D2261" s="3"/>
      <c r="E2261" s="3"/>
    </row>
    <row r="2262" spans="1:5" ht="13" customHeight="1" x14ac:dyDescent="0.35">
      <c r="A2262" s="3"/>
      <c r="C2262" s="3"/>
      <c r="D2262" s="3"/>
      <c r="E2262" s="3"/>
    </row>
    <row r="2263" spans="1:5" ht="13" customHeight="1" x14ac:dyDescent="0.35">
      <c r="A2263" s="3"/>
      <c r="C2263" s="3"/>
      <c r="D2263" s="3"/>
      <c r="E2263" s="3"/>
    </row>
    <row r="2264" spans="1:5" ht="13" customHeight="1" x14ac:dyDescent="0.35">
      <c r="A2264" s="3"/>
      <c r="C2264" s="3"/>
      <c r="D2264" s="3"/>
      <c r="E2264" s="3"/>
    </row>
    <row r="2265" spans="1:5" ht="13" customHeight="1" x14ac:dyDescent="0.35">
      <c r="A2265" s="3"/>
      <c r="C2265" s="3"/>
      <c r="D2265" s="3"/>
      <c r="E2265" s="3"/>
    </row>
    <row r="2266" spans="1:5" ht="13" customHeight="1" x14ac:dyDescent="0.35">
      <c r="A2266" s="3"/>
      <c r="C2266" s="3"/>
      <c r="D2266" s="3"/>
      <c r="E2266" s="3"/>
    </row>
    <row r="2267" spans="1:5" ht="13" customHeight="1" x14ac:dyDescent="0.35">
      <c r="A2267" s="3"/>
      <c r="C2267" s="3"/>
      <c r="D2267" s="3"/>
      <c r="E2267" s="3"/>
    </row>
    <row r="2268" spans="1:5" ht="13" customHeight="1" x14ac:dyDescent="0.35">
      <c r="A2268" s="3"/>
      <c r="C2268" s="3"/>
      <c r="D2268" s="3"/>
      <c r="E2268" s="3"/>
    </row>
    <row r="2269" spans="1:5" ht="13" customHeight="1" x14ac:dyDescent="0.35">
      <c r="A2269" s="3"/>
      <c r="C2269" s="3"/>
      <c r="D2269" s="3"/>
      <c r="E2269" s="3"/>
    </row>
    <row r="2270" spans="1:5" ht="13" customHeight="1" x14ac:dyDescent="0.35">
      <c r="A2270" s="3"/>
      <c r="C2270" s="3"/>
      <c r="D2270" s="3"/>
      <c r="E2270" s="3"/>
    </row>
    <row r="2271" spans="1:5" ht="13" customHeight="1" x14ac:dyDescent="0.35">
      <c r="A2271" s="3"/>
      <c r="C2271" s="3"/>
      <c r="D2271" s="3"/>
      <c r="E2271" s="3"/>
    </row>
    <row r="2272" spans="1:5" ht="13" customHeight="1" x14ac:dyDescent="0.35">
      <c r="A2272" s="3"/>
      <c r="C2272" s="3"/>
      <c r="D2272" s="3"/>
      <c r="E2272" s="3"/>
    </row>
    <row r="2273" spans="1:5" ht="13" customHeight="1" x14ac:dyDescent="0.35">
      <c r="A2273" s="3"/>
      <c r="C2273" s="3"/>
      <c r="D2273" s="3"/>
      <c r="E2273" s="3"/>
    </row>
    <row r="2274" spans="1:5" ht="13" customHeight="1" x14ac:dyDescent="0.35">
      <c r="A2274" s="3"/>
      <c r="C2274" s="3"/>
      <c r="D2274" s="3"/>
      <c r="E2274" s="3"/>
    </row>
    <row r="2275" spans="1:5" ht="13" customHeight="1" x14ac:dyDescent="0.35">
      <c r="A2275" s="3"/>
      <c r="C2275" s="3"/>
      <c r="D2275" s="3"/>
      <c r="E2275" s="3"/>
    </row>
    <row r="2276" spans="1:5" ht="13" customHeight="1" x14ac:dyDescent="0.35">
      <c r="A2276" s="3"/>
      <c r="C2276" s="3"/>
      <c r="D2276" s="3"/>
      <c r="E2276" s="3"/>
    </row>
    <row r="2277" spans="1:5" ht="13" customHeight="1" x14ac:dyDescent="0.35">
      <c r="A2277" s="3"/>
      <c r="C2277" s="3"/>
      <c r="D2277" s="3"/>
      <c r="E2277" s="3"/>
    </row>
    <row r="2278" spans="1:5" ht="13" customHeight="1" x14ac:dyDescent="0.35">
      <c r="A2278" s="3"/>
      <c r="C2278" s="3"/>
      <c r="D2278" s="3"/>
      <c r="E2278" s="3"/>
    </row>
    <row r="2279" spans="1:5" ht="13" customHeight="1" x14ac:dyDescent="0.35">
      <c r="A2279" s="3"/>
      <c r="C2279" s="3"/>
      <c r="D2279" s="3"/>
      <c r="E2279" s="3"/>
    </row>
    <row r="2280" spans="1:5" ht="13" customHeight="1" x14ac:dyDescent="0.35">
      <c r="A2280" s="3"/>
      <c r="C2280" s="3"/>
      <c r="D2280" s="3"/>
      <c r="E2280" s="3"/>
    </row>
    <row r="2281" spans="1:5" ht="13" customHeight="1" x14ac:dyDescent="0.35">
      <c r="A2281" s="3"/>
      <c r="C2281" s="3"/>
      <c r="D2281" s="3"/>
      <c r="E2281" s="3"/>
    </row>
    <row r="2282" spans="1:5" ht="13" customHeight="1" x14ac:dyDescent="0.35">
      <c r="A2282" s="3"/>
      <c r="C2282" s="3"/>
      <c r="D2282" s="3"/>
      <c r="E2282" s="3"/>
    </row>
    <row r="2283" spans="1:5" ht="13" customHeight="1" x14ac:dyDescent="0.35">
      <c r="A2283" s="3"/>
      <c r="C2283" s="3"/>
      <c r="D2283" s="3"/>
      <c r="E2283" s="3"/>
    </row>
    <row r="2284" spans="1:5" ht="13" customHeight="1" x14ac:dyDescent="0.35">
      <c r="A2284" s="3"/>
      <c r="C2284" s="3"/>
      <c r="D2284" s="3"/>
      <c r="E2284" s="3"/>
    </row>
    <row r="2285" spans="1:5" ht="13" customHeight="1" x14ac:dyDescent="0.35">
      <c r="A2285" s="3"/>
      <c r="C2285" s="3"/>
      <c r="D2285" s="3"/>
      <c r="E2285" s="3"/>
    </row>
    <row r="2286" spans="1:5" ht="13" customHeight="1" x14ac:dyDescent="0.35">
      <c r="A2286" s="3"/>
      <c r="C2286" s="3"/>
      <c r="D2286" s="3"/>
      <c r="E2286" s="3"/>
    </row>
    <row r="2287" spans="1:5" ht="13" customHeight="1" x14ac:dyDescent="0.35">
      <c r="A2287" s="3"/>
      <c r="C2287" s="3"/>
      <c r="D2287" s="3"/>
      <c r="E2287" s="3"/>
    </row>
    <row r="2288" spans="1:5" ht="13" customHeight="1" x14ac:dyDescent="0.35">
      <c r="A2288" s="3"/>
      <c r="C2288" s="3"/>
      <c r="D2288" s="3"/>
      <c r="E2288" s="3"/>
    </row>
    <row r="2289" spans="1:5" ht="13" customHeight="1" x14ac:dyDescent="0.35">
      <c r="A2289" s="3"/>
      <c r="C2289" s="3"/>
      <c r="D2289" s="3"/>
      <c r="E2289" s="3"/>
    </row>
    <row r="2290" spans="1:5" ht="13" customHeight="1" x14ac:dyDescent="0.35">
      <c r="A2290" s="3"/>
      <c r="C2290" s="3"/>
      <c r="D2290" s="3"/>
      <c r="E2290" s="3"/>
    </row>
    <row r="2291" spans="1:5" ht="13" customHeight="1" x14ac:dyDescent="0.35">
      <c r="A2291" s="3"/>
      <c r="C2291" s="3"/>
      <c r="D2291" s="3"/>
      <c r="E2291" s="3"/>
    </row>
    <row r="2292" spans="1:5" ht="13" customHeight="1" x14ac:dyDescent="0.35">
      <c r="A2292" s="3"/>
      <c r="C2292" s="3"/>
      <c r="D2292" s="3"/>
      <c r="E2292" s="3"/>
    </row>
    <row r="2293" spans="1:5" ht="13" customHeight="1" x14ac:dyDescent="0.35">
      <c r="A2293" s="3"/>
      <c r="C2293" s="3"/>
      <c r="D2293" s="3"/>
      <c r="E2293" s="3"/>
    </row>
    <row r="2294" spans="1:5" ht="13" customHeight="1" x14ac:dyDescent="0.35">
      <c r="A2294" s="3"/>
      <c r="C2294" s="3"/>
      <c r="D2294" s="3"/>
      <c r="E2294" s="3"/>
    </row>
    <row r="2295" spans="1:5" ht="13" customHeight="1" x14ac:dyDescent="0.35">
      <c r="A2295" s="3"/>
      <c r="C2295" s="3"/>
      <c r="D2295" s="3"/>
      <c r="E2295" s="3"/>
    </row>
    <row r="2296" spans="1:5" ht="13" customHeight="1" x14ac:dyDescent="0.35">
      <c r="A2296" s="3"/>
      <c r="C2296" s="3"/>
      <c r="D2296" s="3"/>
      <c r="E2296" s="3"/>
    </row>
    <row r="2297" spans="1:5" ht="13" customHeight="1" x14ac:dyDescent="0.35">
      <c r="A2297" s="3"/>
      <c r="C2297" s="3"/>
      <c r="D2297" s="3"/>
      <c r="E2297" s="3"/>
    </row>
    <row r="2298" spans="1:5" ht="13" customHeight="1" x14ac:dyDescent="0.35">
      <c r="A2298" s="3"/>
      <c r="C2298" s="3"/>
      <c r="D2298" s="3"/>
      <c r="E2298" s="3"/>
    </row>
    <row r="2299" spans="1:5" ht="13" customHeight="1" x14ac:dyDescent="0.35">
      <c r="A2299" s="3"/>
      <c r="C2299" s="3"/>
      <c r="D2299" s="3"/>
      <c r="E2299" s="3"/>
    </row>
    <row r="2300" spans="1:5" ht="13" customHeight="1" x14ac:dyDescent="0.35">
      <c r="A2300" s="3"/>
      <c r="C2300" s="3"/>
      <c r="D2300" s="3"/>
      <c r="E2300" s="3"/>
    </row>
    <row r="2301" spans="1:5" ht="13" customHeight="1" x14ac:dyDescent="0.35">
      <c r="A2301" s="3"/>
      <c r="C2301" s="3"/>
      <c r="D2301" s="3"/>
      <c r="E2301" s="3"/>
    </row>
    <row r="2302" spans="1:5" ht="13" customHeight="1" x14ac:dyDescent="0.35">
      <c r="A2302" s="3"/>
      <c r="C2302" s="3"/>
      <c r="D2302" s="3"/>
      <c r="E2302" s="3"/>
    </row>
    <row r="2303" spans="1:5" ht="13" customHeight="1" x14ac:dyDescent="0.35">
      <c r="A2303" s="3"/>
      <c r="C2303" s="3"/>
      <c r="D2303" s="3"/>
      <c r="E2303" s="3"/>
    </row>
    <row r="2304" spans="1:5" ht="13" customHeight="1" x14ac:dyDescent="0.35">
      <c r="A2304" s="3"/>
      <c r="C2304" s="3"/>
      <c r="D2304" s="3"/>
      <c r="E2304" s="3"/>
    </row>
    <row r="2305" spans="1:5" ht="13" customHeight="1" x14ac:dyDescent="0.35">
      <c r="A2305" s="3"/>
      <c r="C2305" s="3"/>
      <c r="D2305" s="3"/>
      <c r="E2305" s="3"/>
    </row>
    <row r="2306" spans="1:5" ht="13" customHeight="1" x14ac:dyDescent="0.35">
      <c r="A2306" s="3"/>
      <c r="C2306" s="3"/>
      <c r="D2306" s="3"/>
      <c r="E2306" s="3"/>
    </row>
    <row r="2307" spans="1:5" ht="13" customHeight="1" x14ac:dyDescent="0.35">
      <c r="A2307" s="3"/>
      <c r="C2307" s="3"/>
      <c r="D2307" s="3"/>
      <c r="E2307" s="3"/>
    </row>
    <row r="2308" spans="1:5" ht="13" customHeight="1" x14ac:dyDescent="0.35">
      <c r="A2308" s="3"/>
      <c r="C2308" s="3"/>
      <c r="D2308" s="3"/>
      <c r="E2308" s="3"/>
    </row>
    <row r="2309" spans="1:5" ht="13" customHeight="1" x14ac:dyDescent="0.35">
      <c r="A2309" s="3"/>
      <c r="C2309" s="3"/>
      <c r="D2309" s="3"/>
      <c r="E2309" s="3"/>
    </row>
    <row r="2310" spans="1:5" ht="13" customHeight="1" x14ac:dyDescent="0.35">
      <c r="A2310" s="3"/>
      <c r="C2310" s="3"/>
      <c r="D2310" s="3"/>
      <c r="E2310" s="3"/>
    </row>
    <row r="2311" spans="1:5" ht="13" customHeight="1" x14ac:dyDescent="0.35">
      <c r="A2311" s="3"/>
      <c r="C2311" s="3"/>
      <c r="D2311" s="3"/>
      <c r="E2311" s="3"/>
    </row>
    <row r="2312" spans="1:5" ht="13" customHeight="1" x14ac:dyDescent="0.35">
      <c r="A2312" s="3"/>
      <c r="C2312" s="3"/>
      <c r="D2312" s="3"/>
      <c r="E2312" s="3"/>
    </row>
    <row r="2313" spans="1:5" ht="13" customHeight="1" x14ac:dyDescent="0.35">
      <c r="A2313" s="3"/>
      <c r="C2313" s="3"/>
      <c r="D2313" s="3"/>
      <c r="E2313" s="3"/>
    </row>
    <row r="2314" spans="1:5" ht="13" customHeight="1" x14ac:dyDescent="0.35">
      <c r="A2314" s="3"/>
      <c r="C2314" s="3"/>
      <c r="D2314" s="3"/>
      <c r="E2314" s="3"/>
    </row>
    <row r="2315" spans="1:5" ht="13" customHeight="1" x14ac:dyDescent="0.35">
      <c r="A2315" s="3"/>
      <c r="C2315" s="3"/>
      <c r="D2315" s="3"/>
      <c r="E2315" s="3"/>
    </row>
    <row r="2316" spans="1:5" ht="13" customHeight="1" x14ac:dyDescent="0.35">
      <c r="A2316" s="3"/>
      <c r="C2316" s="3"/>
      <c r="D2316" s="3"/>
      <c r="E2316" s="3"/>
    </row>
    <row r="2317" spans="1:5" ht="13" customHeight="1" x14ac:dyDescent="0.35">
      <c r="A2317" s="3"/>
      <c r="C2317" s="3"/>
      <c r="D2317" s="3"/>
      <c r="E2317" s="3"/>
    </row>
    <row r="2318" spans="1:5" ht="13" customHeight="1" x14ac:dyDescent="0.35">
      <c r="A2318" s="3"/>
      <c r="C2318" s="3"/>
      <c r="D2318" s="3"/>
      <c r="E2318" s="3"/>
    </row>
    <row r="2319" spans="1:5" ht="13" customHeight="1" x14ac:dyDescent="0.35">
      <c r="A2319" s="3"/>
      <c r="C2319" s="3"/>
      <c r="D2319" s="3"/>
      <c r="E2319" s="3"/>
    </row>
    <row r="2320" spans="1:5" ht="13" customHeight="1" x14ac:dyDescent="0.35">
      <c r="A2320" s="3"/>
      <c r="C2320" s="3"/>
      <c r="D2320" s="3"/>
      <c r="E2320" s="3"/>
    </row>
    <row r="2321" spans="1:5" ht="13" customHeight="1" x14ac:dyDescent="0.35">
      <c r="A2321" s="3"/>
      <c r="C2321" s="3"/>
      <c r="D2321" s="3"/>
      <c r="E2321" s="3"/>
    </row>
    <row r="2322" spans="1:5" ht="13" customHeight="1" x14ac:dyDescent="0.35">
      <c r="A2322" s="3"/>
      <c r="C2322" s="3"/>
      <c r="D2322" s="3"/>
      <c r="E2322" s="3"/>
    </row>
    <row r="2323" spans="1:5" ht="13" customHeight="1" x14ac:dyDescent="0.35">
      <c r="A2323" s="3"/>
      <c r="C2323" s="3"/>
      <c r="D2323" s="3"/>
      <c r="E2323" s="3"/>
    </row>
    <row r="2324" spans="1:5" ht="13" customHeight="1" x14ac:dyDescent="0.35">
      <c r="A2324" s="3"/>
      <c r="C2324" s="3"/>
      <c r="D2324" s="3"/>
      <c r="E2324" s="3"/>
    </row>
    <row r="2325" spans="1:5" ht="13" customHeight="1" x14ac:dyDescent="0.35">
      <c r="A2325" s="3"/>
      <c r="C2325" s="3"/>
      <c r="D2325" s="3"/>
      <c r="E2325" s="3"/>
    </row>
    <row r="2326" spans="1:5" ht="13" customHeight="1" x14ac:dyDescent="0.35">
      <c r="A2326" s="3"/>
      <c r="C2326" s="3"/>
      <c r="D2326" s="3"/>
      <c r="E2326" s="3"/>
    </row>
    <row r="2327" spans="1:5" ht="13" customHeight="1" x14ac:dyDescent="0.35">
      <c r="A2327" s="3"/>
      <c r="C2327" s="3"/>
      <c r="D2327" s="3"/>
      <c r="E2327" s="3"/>
    </row>
    <row r="2328" spans="1:5" ht="13" customHeight="1" x14ac:dyDescent="0.35">
      <c r="A2328" s="3"/>
      <c r="C2328" s="3"/>
      <c r="D2328" s="3"/>
      <c r="E2328" s="3"/>
    </row>
    <row r="2329" spans="1:5" ht="13" customHeight="1" x14ac:dyDescent="0.35">
      <c r="A2329" s="3"/>
      <c r="C2329" s="3"/>
      <c r="D2329" s="3"/>
      <c r="E2329" s="3"/>
    </row>
    <row r="2330" spans="1:5" ht="13" customHeight="1" x14ac:dyDescent="0.35">
      <c r="A2330" s="3"/>
      <c r="C2330" s="3"/>
      <c r="D2330" s="3"/>
      <c r="E2330" s="3"/>
    </row>
    <row r="2331" spans="1:5" ht="13" customHeight="1" x14ac:dyDescent="0.35">
      <c r="A2331" s="3"/>
      <c r="C2331" s="3"/>
      <c r="D2331" s="3"/>
      <c r="E2331" s="3"/>
    </row>
    <row r="2332" spans="1:5" ht="13" customHeight="1" x14ac:dyDescent="0.35">
      <c r="A2332" s="3"/>
      <c r="C2332" s="3"/>
      <c r="D2332" s="3"/>
      <c r="E2332" s="3"/>
    </row>
    <row r="2333" spans="1:5" ht="13" customHeight="1" x14ac:dyDescent="0.35">
      <c r="A2333" s="3"/>
      <c r="C2333" s="3"/>
      <c r="D2333" s="3"/>
      <c r="E2333" s="3"/>
    </row>
    <row r="2334" spans="1:5" ht="13" customHeight="1" x14ac:dyDescent="0.35">
      <c r="A2334" s="3"/>
      <c r="C2334" s="3"/>
      <c r="D2334" s="3"/>
      <c r="E2334" s="3"/>
    </row>
    <row r="2335" spans="1:5" ht="13" customHeight="1" x14ac:dyDescent="0.35">
      <c r="A2335" s="3"/>
      <c r="C2335" s="3"/>
      <c r="D2335" s="3"/>
      <c r="E2335" s="3"/>
    </row>
    <row r="2336" spans="1:5" ht="13" customHeight="1" x14ac:dyDescent="0.35">
      <c r="A2336" s="3"/>
      <c r="C2336" s="3"/>
      <c r="D2336" s="3"/>
      <c r="E2336" s="3"/>
    </row>
    <row r="2337" spans="1:5" ht="13" customHeight="1" x14ac:dyDescent="0.35">
      <c r="A2337" s="3"/>
      <c r="C2337" s="3"/>
      <c r="D2337" s="3"/>
      <c r="E2337" s="3"/>
    </row>
    <row r="2338" spans="1:5" ht="13" customHeight="1" x14ac:dyDescent="0.35">
      <c r="A2338" s="3"/>
      <c r="C2338" s="3"/>
      <c r="D2338" s="3"/>
      <c r="E2338" s="3"/>
    </row>
    <row r="2339" spans="1:5" ht="13" customHeight="1" x14ac:dyDescent="0.35">
      <c r="A2339" s="3"/>
      <c r="C2339" s="3"/>
      <c r="D2339" s="3"/>
      <c r="E2339" s="3"/>
    </row>
    <row r="2340" spans="1:5" ht="13" customHeight="1" x14ac:dyDescent="0.35">
      <c r="A2340" s="3"/>
      <c r="C2340" s="3"/>
      <c r="D2340" s="3"/>
      <c r="E2340" s="3"/>
    </row>
    <row r="2341" spans="1:5" ht="13" customHeight="1" x14ac:dyDescent="0.35">
      <c r="A2341" s="3"/>
      <c r="C2341" s="3"/>
      <c r="D2341" s="3"/>
      <c r="E2341" s="3"/>
    </row>
    <row r="2342" spans="1:5" ht="13" customHeight="1" x14ac:dyDescent="0.35">
      <c r="A2342" s="3"/>
      <c r="C2342" s="3"/>
      <c r="D2342" s="3"/>
      <c r="E2342" s="3"/>
    </row>
    <row r="2343" spans="1:5" ht="13" customHeight="1" x14ac:dyDescent="0.35">
      <c r="A2343" s="3"/>
      <c r="C2343" s="3"/>
      <c r="D2343" s="3"/>
      <c r="E2343" s="3"/>
    </row>
    <row r="2344" spans="1:5" ht="13" customHeight="1" x14ac:dyDescent="0.35">
      <c r="A2344" s="3"/>
      <c r="C2344" s="3"/>
      <c r="D2344" s="3"/>
      <c r="E2344" s="3"/>
    </row>
    <row r="2345" spans="1:5" ht="13" customHeight="1" x14ac:dyDescent="0.35">
      <c r="A2345" s="3"/>
      <c r="C2345" s="3"/>
      <c r="D2345" s="3"/>
      <c r="E2345" s="3"/>
    </row>
    <row r="2346" spans="1:5" ht="13" customHeight="1" x14ac:dyDescent="0.35">
      <c r="A2346" s="3"/>
      <c r="C2346" s="3"/>
      <c r="D2346" s="3"/>
      <c r="E2346" s="3"/>
    </row>
    <row r="2347" spans="1:5" ht="13" customHeight="1" x14ac:dyDescent="0.35">
      <c r="A2347" s="3"/>
      <c r="C2347" s="3"/>
      <c r="D2347" s="3"/>
      <c r="E2347" s="3"/>
    </row>
    <row r="2348" spans="1:5" ht="13" customHeight="1" x14ac:dyDescent="0.35">
      <c r="A2348" s="3"/>
      <c r="C2348" s="3"/>
      <c r="D2348" s="3"/>
      <c r="E2348" s="3"/>
    </row>
    <row r="2349" spans="1:5" ht="13" customHeight="1" x14ac:dyDescent="0.35">
      <c r="A2349" s="3"/>
      <c r="C2349" s="3"/>
      <c r="D2349" s="3"/>
      <c r="E2349" s="3"/>
    </row>
    <row r="2350" spans="1:5" ht="13" customHeight="1" x14ac:dyDescent="0.35">
      <c r="A2350" s="3"/>
      <c r="C2350" s="3"/>
      <c r="D2350" s="3"/>
      <c r="E2350" s="3"/>
    </row>
    <row r="2351" spans="1:5" ht="13" customHeight="1" x14ac:dyDescent="0.35">
      <c r="A2351" s="3"/>
      <c r="C2351" s="3"/>
      <c r="D2351" s="3"/>
      <c r="E2351" s="3"/>
    </row>
    <row r="2352" spans="1:5" ht="13" customHeight="1" x14ac:dyDescent="0.35">
      <c r="A2352" s="3"/>
      <c r="C2352" s="3"/>
      <c r="D2352" s="3"/>
      <c r="E2352" s="3"/>
    </row>
    <row r="2353" spans="1:5" ht="13" customHeight="1" x14ac:dyDescent="0.35">
      <c r="A2353" s="3"/>
      <c r="C2353" s="3"/>
      <c r="D2353" s="3"/>
      <c r="E2353" s="3"/>
    </row>
    <row r="2354" spans="1:5" ht="13" customHeight="1" x14ac:dyDescent="0.35">
      <c r="A2354" s="3"/>
      <c r="C2354" s="3"/>
      <c r="D2354" s="3"/>
      <c r="E2354" s="3"/>
    </row>
    <row r="2355" spans="1:5" ht="13" customHeight="1" x14ac:dyDescent="0.35">
      <c r="A2355" s="3"/>
      <c r="C2355" s="3"/>
      <c r="D2355" s="3"/>
      <c r="E2355" s="3"/>
    </row>
    <row r="2356" spans="1:5" ht="13" customHeight="1" x14ac:dyDescent="0.35">
      <c r="A2356" s="3"/>
      <c r="C2356" s="3"/>
      <c r="D2356" s="3"/>
      <c r="E2356" s="3"/>
    </row>
    <row r="2357" spans="1:5" ht="13" customHeight="1" x14ac:dyDescent="0.35">
      <c r="A2357" s="3"/>
      <c r="C2357" s="3"/>
      <c r="D2357" s="3"/>
      <c r="E2357" s="3"/>
    </row>
    <row r="2358" spans="1:5" ht="13" customHeight="1" x14ac:dyDescent="0.35">
      <c r="A2358" s="3"/>
      <c r="C2358" s="3"/>
      <c r="D2358" s="3"/>
      <c r="E2358" s="3"/>
    </row>
    <row r="2359" spans="1:5" ht="13" customHeight="1" x14ac:dyDescent="0.35">
      <c r="A2359" s="3"/>
      <c r="C2359" s="3"/>
      <c r="D2359" s="3"/>
      <c r="E2359" s="3"/>
    </row>
    <row r="2360" spans="1:5" ht="13" customHeight="1" x14ac:dyDescent="0.35">
      <c r="A2360" s="3"/>
      <c r="C2360" s="3"/>
      <c r="D2360" s="3"/>
      <c r="E2360" s="3"/>
    </row>
    <row r="2361" spans="1:5" ht="13" customHeight="1" x14ac:dyDescent="0.35">
      <c r="A2361" s="3"/>
      <c r="C2361" s="3"/>
      <c r="D2361" s="3"/>
      <c r="E2361" s="3"/>
    </row>
    <row r="2362" spans="1:5" ht="13" customHeight="1" x14ac:dyDescent="0.35">
      <c r="A2362" s="3"/>
      <c r="C2362" s="3"/>
      <c r="D2362" s="3"/>
      <c r="E2362" s="3"/>
    </row>
    <row r="2363" spans="1:5" ht="13" customHeight="1" x14ac:dyDescent="0.35">
      <c r="A2363" s="3"/>
      <c r="C2363" s="3"/>
      <c r="D2363" s="3"/>
      <c r="E2363" s="3"/>
    </row>
    <row r="2364" spans="1:5" ht="13" customHeight="1" x14ac:dyDescent="0.35">
      <c r="A2364" s="3"/>
      <c r="C2364" s="3"/>
      <c r="D2364" s="3"/>
      <c r="E2364" s="3"/>
    </row>
    <row r="2365" spans="1:5" ht="13" customHeight="1" x14ac:dyDescent="0.35">
      <c r="A2365" s="3"/>
      <c r="C2365" s="3"/>
      <c r="D2365" s="3"/>
      <c r="E2365" s="3"/>
    </row>
    <row r="2366" spans="1:5" ht="13" customHeight="1" x14ac:dyDescent="0.35">
      <c r="A2366" s="3"/>
      <c r="C2366" s="3"/>
      <c r="D2366" s="3"/>
      <c r="E2366" s="3"/>
    </row>
    <row r="2367" spans="1:5" ht="13" customHeight="1" x14ac:dyDescent="0.35">
      <c r="A2367" s="3"/>
      <c r="C2367" s="3"/>
      <c r="D2367" s="3"/>
      <c r="E2367" s="3"/>
    </row>
    <row r="2368" spans="1:5" ht="13" customHeight="1" x14ac:dyDescent="0.35">
      <c r="A2368" s="3"/>
      <c r="C2368" s="3"/>
      <c r="D2368" s="3"/>
      <c r="E2368" s="3"/>
    </row>
    <row r="2369" spans="1:5" ht="13" customHeight="1" x14ac:dyDescent="0.35">
      <c r="A2369" s="3"/>
      <c r="C2369" s="3"/>
      <c r="D2369" s="3"/>
      <c r="E2369" s="3"/>
    </row>
    <row r="2370" spans="1:5" ht="13" customHeight="1" x14ac:dyDescent="0.35">
      <c r="A2370" s="3"/>
      <c r="C2370" s="3"/>
      <c r="D2370" s="3"/>
      <c r="E2370" s="3"/>
    </row>
    <row r="2371" spans="1:5" ht="13" customHeight="1" x14ac:dyDescent="0.35">
      <c r="A2371" s="3"/>
      <c r="C2371" s="3"/>
      <c r="D2371" s="3"/>
      <c r="E2371" s="3"/>
    </row>
    <row r="2372" spans="1:5" ht="13" customHeight="1" x14ac:dyDescent="0.35">
      <c r="A2372" s="3"/>
      <c r="C2372" s="3"/>
      <c r="D2372" s="3"/>
      <c r="E2372" s="3"/>
    </row>
    <row r="2373" spans="1:5" ht="13" customHeight="1" x14ac:dyDescent="0.35">
      <c r="A2373" s="3"/>
      <c r="C2373" s="3"/>
      <c r="D2373" s="3"/>
      <c r="E2373" s="3"/>
    </row>
    <row r="2374" spans="1:5" ht="13" customHeight="1" x14ac:dyDescent="0.35">
      <c r="A2374" s="3"/>
      <c r="C2374" s="3"/>
      <c r="D2374" s="3"/>
      <c r="E2374" s="3"/>
    </row>
    <row r="2375" spans="1:5" ht="13" customHeight="1" x14ac:dyDescent="0.35">
      <c r="A2375" s="3"/>
      <c r="C2375" s="3"/>
      <c r="D2375" s="3"/>
      <c r="E2375" s="3"/>
    </row>
    <row r="2376" spans="1:5" ht="13" customHeight="1" x14ac:dyDescent="0.35">
      <c r="A2376" s="3"/>
      <c r="C2376" s="3"/>
      <c r="D2376" s="3"/>
      <c r="E2376" s="3"/>
    </row>
    <row r="2377" spans="1:5" ht="13" customHeight="1" x14ac:dyDescent="0.35">
      <c r="A2377" s="3"/>
      <c r="C2377" s="3"/>
      <c r="D2377" s="3"/>
      <c r="E2377" s="3"/>
    </row>
    <row r="2378" spans="1:5" ht="13" customHeight="1" x14ac:dyDescent="0.35">
      <c r="A2378" s="3"/>
      <c r="C2378" s="3"/>
      <c r="D2378" s="3"/>
      <c r="E2378" s="3"/>
    </row>
    <row r="2379" spans="1:5" ht="13" customHeight="1" x14ac:dyDescent="0.35">
      <c r="A2379" s="3"/>
      <c r="C2379" s="3"/>
      <c r="D2379" s="3"/>
      <c r="E2379" s="3"/>
    </row>
    <row r="2380" spans="1:5" ht="13" customHeight="1" x14ac:dyDescent="0.35">
      <c r="A2380" s="3"/>
      <c r="C2380" s="3"/>
      <c r="D2380" s="3"/>
      <c r="E2380" s="3"/>
    </row>
    <row r="2381" spans="1:5" ht="13" customHeight="1" x14ac:dyDescent="0.35">
      <c r="A2381" s="3"/>
      <c r="C2381" s="3"/>
      <c r="D2381" s="3"/>
      <c r="E2381" s="3"/>
    </row>
    <row r="2382" spans="1:5" ht="13" customHeight="1" x14ac:dyDescent="0.35">
      <c r="A2382" s="3"/>
      <c r="C2382" s="3"/>
      <c r="D2382" s="3"/>
      <c r="E2382" s="3"/>
    </row>
    <row r="2383" spans="1:5" ht="13" customHeight="1" x14ac:dyDescent="0.35">
      <c r="A2383" s="3"/>
      <c r="C2383" s="3"/>
      <c r="D2383" s="3"/>
      <c r="E2383" s="3"/>
    </row>
    <row r="2384" spans="1:5" ht="13" customHeight="1" x14ac:dyDescent="0.35">
      <c r="A2384" s="3"/>
      <c r="C2384" s="3"/>
      <c r="D2384" s="3"/>
      <c r="E2384" s="3"/>
    </row>
    <row r="2385" spans="1:5" ht="13" customHeight="1" x14ac:dyDescent="0.35">
      <c r="A2385" s="3"/>
      <c r="C2385" s="3"/>
      <c r="D2385" s="3"/>
      <c r="E2385" s="3"/>
    </row>
    <row r="2386" spans="1:5" ht="13" customHeight="1" x14ac:dyDescent="0.35">
      <c r="A2386" s="3"/>
      <c r="C2386" s="3"/>
      <c r="D2386" s="3"/>
      <c r="E2386" s="3"/>
    </row>
    <row r="2387" spans="1:5" ht="13" customHeight="1" x14ac:dyDescent="0.35">
      <c r="A2387" s="3"/>
      <c r="C2387" s="3"/>
      <c r="D2387" s="3"/>
      <c r="E2387" s="3"/>
    </row>
    <row r="2388" spans="1:5" ht="13" customHeight="1" x14ac:dyDescent="0.35">
      <c r="A2388" s="3"/>
      <c r="C2388" s="3"/>
      <c r="D2388" s="3"/>
      <c r="E2388" s="3"/>
    </row>
    <row r="2389" spans="1:5" ht="13" customHeight="1" x14ac:dyDescent="0.35">
      <c r="A2389" s="3"/>
      <c r="C2389" s="3"/>
      <c r="D2389" s="3"/>
      <c r="E2389" s="3"/>
    </row>
    <row r="2390" spans="1:5" ht="13" customHeight="1" x14ac:dyDescent="0.35">
      <c r="A2390" s="3"/>
      <c r="C2390" s="3"/>
      <c r="D2390" s="3"/>
      <c r="E2390" s="3"/>
    </row>
    <row r="2391" spans="1:5" ht="13" customHeight="1" x14ac:dyDescent="0.35">
      <c r="A2391" s="3"/>
      <c r="C2391" s="3"/>
      <c r="D2391" s="3"/>
      <c r="E2391" s="3"/>
    </row>
    <row r="2392" spans="1:5" ht="13" customHeight="1" x14ac:dyDescent="0.35">
      <c r="A2392" s="3"/>
      <c r="C2392" s="3"/>
      <c r="D2392" s="3"/>
      <c r="E2392" s="3"/>
    </row>
    <row r="2393" spans="1:5" ht="13" customHeight="1" x14ac:dyDescent="0.35">
      <c r="A2393" s="3"/>
      <c r="C2393" s="3"/>
      <c r="D2393" s="3"/>
      <c r="E2393" s="3"/>
    </row>
    <row r="2394" spans="1:5" ht="13" customHeight="1" x14ac:dyDescent="0.35">
      <c r="A2394" s="3"/>
      <c r="C2394" s="3"/>
      <c r="D2394" s="3"/>
      <c r="E2394" s="3"/>
    </row>
    <row r="2395" spans="1:5" ht="13" customHeight="1" x14ac:dyDescent="0.35">
      <c r="A2395" s="3"/>
      <c r="C2395" s="3"/>
      <c r="D2395" s="3"/>
      <c r="E2395" s="3"/>
    </row>
    <row r="2396" spans="1:5" ht="13" customHeight="1" x14ac:dyDescent="0.35">
      <c r="A2396" s="3"/>
      <c r="C2396" s="3"/>
      <c r="D2396" s="3"/>
      <c r="E2396" s="3"/>
    </row>
    <row r="2397" spans="1:5" ht="13" customHeight="1" x14ac:dyDescent="0.35">
      <c r="A2397" s="3"/>
      <c r="C2397" s="3"/>
      <c r="D2397" s="3"/>
      <c r="E2397" s="3"/>
    </row>
    <row r="2398" spans="1:5" ht="13" customHeight="1" x14ac:dyDescent="0.35">
      <c r="A2398" s="3"/>
      <c r="C2398" s="3"/>
      <c r="D2398" s="3"/>
      <c r="E2398" s="3"/>
    </row>
    <row r="2399" spans="1:5" ht="13" customHeight="1" x14ac:dyDescent="0.35">
      <c r="A2399" s="3"/>
      <c r="C2399" s="3"/>
      <c r="D2399" s="3"/>
      <c r="E2399" s="3"/>
    </row>
    <row r="2400" spans="1:5" ht="13" customHeight="1" x14ac:dyDescent="0.35">
      <c r="A2400" s="3"/>
      <c r="C2400" s="3"/>
      <c r="D2400" s="3"/>
      <c r="E2400" s="3"/>
    </row>
    <row r="2401" spans="1:5" ht="13" customHeight="1" x14ac:dyDescent="0.35">
      <c r="A2401" s="3"/>
      <c r="C2401" s="3"/>
      <c r="D2401" s="3"/>
      <c r="E2401" s="3"/>
    </row>
    <row r="2402" spans="1:5" ht="13" customHeight="1" x14ac:dyDescent="0.35">
      <c r="A2402" s="3"/>
      <c r="C2402" s="3"/>
      <c r="D2402" s="3"/>
      <c r="E2402" s="3"/>
    </row>
    <row r="2403" spans="1:5" ht="13" customHeight="1" x14ac:dyDescent="0.35">
      <c r="A2403" s="3"/>
      <c r="C2403" s="3"/>
      <c r="D2403" s="3"/>
      <c r="E2403" s="3"/>
    </row>
    <row r="2404" spans="1:5" ht="13" customHeight="1" x14ac:dyDescent="0.35">
      <c r="A2404" s="3"/>
      <c r="C2404" s="3"/>
      <c r="D2404" s="3"/>
      <c r="E2404" s="3"/>
    </row>
    <row r="2405" spans="1:5" ht="13" customHeight="1" x14ac:dyDescent="0.35">
      <c r="A2405" s="3"/>
      <c r="C2405" s="3"/>
      <c r="D2405" s="3"/>
      <c r="E2405" s="3"/>
    </row>
    <row r="2406" spans="1:5" ht="13" customHeight="1" x14ac:dyDescent="0.35">
      <c r="A2406" s="3"/>
      <c r="C2406" s="3"/>
      <c r="D2406" s="3"/>
      <c r="E2406" s="3"/>
    </row>
    <row r="2407" spans="1:5" ht="13" customHeight="1" x14ac:dyDescent="0.35">
      <c r="A2407" s="3"/>
      <c r="C2407" s="3"/>
      <c r="D2407" s="3"/>
      <c r="E2407" s="3"/>
    </row>
    <row r="2408" spans="1:5" ht="13" customHeight="1" x14ac:dyDescent="0.35">
      <c r="A2408" s="3"/>
      <c r="C2408" s="3"/>
      <c r="D2408" s="3"/>
      <c r="E2408" s="3"/>
    </row>
    <row r="2409" spans="1:5" ht="13" customHeight="1" x14ac:dyDescent="0.35">
      <c r="A2409" s="3"/>
      <c r="C2409" s="3"/>
      <c r="D2409" s="3"/>
      <c r="E2409" s="3"/>
    </row>
    <row r="2410" spans="1:5" ht="13" customHeight="1" x14ac:dyDescent="0.35">
      <c r="A2410" s="3"/>
      <c r="C2410" s="3"/>
      <c r="D2410" s="3"/>
      <c r="E2410" s="3"/>
    </row>
    <row r="2411" spans="1:5" ht="13" customHeight="1" x14ac:dyDescent="0.35">
      <c r="A2411" s="3"/>
      <c r="C2411" s="3"/>
      <c r="D2411" s="3"/>
      <c r="E2411" s="3"/>
    </row>
    <row r="2412" spans="1:5" ht="13" customHeight="1" x14ac:dyDescent="0.35">
      <c r="A2412" s="3"/>
      <c r="C2412" s="3"/>
      <c r="D2412" s="3"/>
      <c r="E2412" s="3"/>
    </row>
    <row r="2413" spans="1:5" ht="13" customHeight="1" x14ac:dyDescent="0.35">
      <c r="A2413" s="3"/>
      <c r="C2413" s="3"/>
      <c r="D2413" s="3"/>
      <c r="E2413" s="3"/>
    </row>
    <row r="2414" spans="1:5" ht="13" customHeight="1" x14ac:dyDescent="0.35">
      <c r="A2414" s="3"/>
      <c r="C2414" s="3"/>
      <c r="D2414" s="3"/>
      <c r="E2414" s="3"/>
    </row>
    <row r="2415" spans="1:5" ht="13" customHeight="1" x14ac:dyDescent="0.35">
      <c r="A2415" s="3"/>
      <c r="C2415" s="3"/>
      <c r="D2415" s="3"/>
      <c r="E2415" s="3"/>
    </row>
    <row r="2416" spans="1:5" ht="13" customHeight="1" x14ac:dyDescent="0.35">
      <c r="A2416" s="3"/>
      <c r="C2416" s="3"/>
      <c r="D2416" s="3"/>
      <c r="E2416" s="3"/>
    </row>
    <row r="2417" spans="1:5" ht="13" customHeight="1" x14ac:dyDescent="0.35">
      <c r="A2417" s="3"/>
      <c r="C2417" s="3"/>
      <c r="D2417" s="3"/>
      <c r="E2417" s="3"/>
    </row>
    <row r="2418" spans="1:5" ht="13" customHeight="1" x14ac:dyDescent="0.35">
      <c r="A2418" s="3"/>
      <c r="C2418" s="3"/>
      <c r="D2418" s="3"/>
      <c r="E2418" s="3"/>
    </row>
    <row r="2419" spans="1:5" ht="13" customHeight="1" x14ac:dyDescent="0.35">
      <c r="A2419" s="3"/>
      <c r="C2419" s="3"/>
      <c r="D2419" s="3"/>
      <c r="E2419" s="3"/>
    </row>
    <row r="2420" spans="1:5" ht="13" customHeight="1" x14ac:dyDescent="0.35">
      <c r="A2420" s="3"/>
      <c r="C2420" s="3"/>
      <c r="D2420" s="3"/>
      <c r="E2420" s="3"/>
    </row>
    <row r="2421" spans="1:5" ht="13" customHeight="1" x14ac:dyDescent="0.35">
      <c r="A2421" s="3"/>
      <c r="C2421" s="3"/>
      <c r="D2421" s="3"/>
      <c r="E2421" s="3"/>
    </row>
    <row r="2422" spans="1:5" ht="13" customHeight="1" x14ac:dyDescent="0.35">
      <c r="A2422" s="3"/>
      <c r="C2422" s="3"/>
      <c r="D2422" s="3"/>
      <c r="E2422" s="3"/>
    </row>
    <row r="2423" spans="1:5" ht="13" customHeight="1" x14ac:dyDescent="0.35">
      <c r="A2423" s="3"/>
      <c r="C2423" s="3"/>
      <c r="D2423" s="3"/>
      <c r="E2423" s="3"/>
    </row>
    <row r="2424" spans="1:5" ht="13" customHeight="1" x14ac:dyDescent="0.35">
      <c r="A2424" s="3"/>
      <c r="C2424" s="3"/>
      <c r="D2424" s="3"/>
      <c r="E2424" s="3"/>
    </row>
    <row r="2425" spans="1:5" ht="13" customHeight="1" x14ac:dyDescent="0.35">
      <c r="A2425" s="3"/>
      <c r="C2425" s="3"/>
      <c r="D2425" s="3"/>
      <c r="E2425" s="3"/>
    </row>
    <row r="2426" spans="1:5" ht="13" customHeight="1" x14ac:dyDescent="0.35">
      <c r="A2426" s="3"/>
      <c r="C2426" s="3"/>
      <c r="D2426" s="3"/>
      <c r="E2426" s="3"/>
    </row>
    <row r="2427" spans="1:5" ht="13" customHeight="1" x14ac:dyDescent="0.35">
      <c r="A2427" s="3"/>
      <c r="C2427" s="3"/>
      <c r="D2427" s="3"/>
      <c r="E2427" s="3"/>
    </row>
    <row r="2428" spans="1:5" ht="13" customHeight="1" x14ac:dyDescent="0.35">
      <c r="A2428" s="3"/>
      <c r="C2428" s="3"/>
      <c r="D2428" s="3"/>
      <c r="E2428" s="3"/>
    </row>
    <row r="2429" spans="1:5" ht="13" customHeight="1" x14ac:dyDescent="0.35">
      <c r="A2429" s="3"/>
      <c r="C2429" s="3"/>
      <c r="D2429" s="3"/>
      <c r="E2429" s="3"/>
    </row>
    <row r="2430" spans="1:5" ht="13" customHeight="1" x14ac:dyDescent="0.35">
      <c r="A2430" s="3"/>
      <c r="C2430" s="3"/>
      <c r="D2430" s="3"/>
      <c r="E2430" s="3"/>
    </row>
    <row r="2431" spans="1:5" ht="13" customHeight="1" x14ac:dyDescent="0.35">
      <c r="A2431" s="3"/>
      <c r="C2431" s="3"/>
      <c r="D2431" s="3"/>
      <c r="E2431" s="3"/>
    </row>
    <row r="2432" spans="1:5" ht="13" customHeight="1" x14ac:dyDescent="0.35">
      <c r="A2432" s="3"/>
      <c r="C2432" s="3"/>
      <c r="D2432" s="3"/>
      <c r="E2432" s="3"/>
    </row>
    <row r="2433" spans="1:5" ht="13" customHeight="1" x14ac:dyDescent="0.35">
      <c r="A2433" s="3"/>
      <c r="C2433" s="3"/>
      <c r="D2433" s="3"/>
      <c r="E2433" s="3"/>
    </row>
    <row r="2434" spans="1:5" ht="13" customHeight="1" x14ac:dyDescent="0.35">
      <c r="A2434" s="3"/>
      <c r="C2434" s="3"/>
      <c r="D2434" s="3"/>
      <c r="E2434" s="3"/>
    </row>
    <row r="2435" spans="1:5" ht="13" customHeight="1" x14ac:dyDescent="0.35">
      <c r="A2435" s="3"/>
      <c r="C2435" s="3"/>
      <c r="D2435" s="3"/>
      <c r="E2435" s="3"/>
    </row>
    <row r="2436" spans="1:5" ht="13" customHeight="1" x14ac:dyDescent="0.35">
      <c r="A2436" s="3"/>
      <c r="C2436" s="3"/>
      <c r="D2436" s="3"/>
      <c r="E2436" s="3"/>
    </row>
    <row r="2437" spans="1:5" ht="13" customHeight="1" x14ac:dyDescent="0.35">
      <c r="A2437" s="3"/>
      <c r="C2437" s="3"/>
      <c r="D2437" s="3"/>
      <c r="E2437" s="3"/>
    </row>
    <row r="2438" spans="1:5" ht="13" customHeight="1" x14ac:dyDescent="0.35">
      <c r="A2438" s="3"/>
      <c r="C2438" s="3"/>
      <c r="D2438" s="3"/>
      <c r="E2438" s="3"/>
    </row>
    <row r="2439" spans="1:5" ht="13" customHeight="1" x14ac:dyDescent="0.35">
      <c r="A2439" s="3"/>
      <c r="C2439" s="3"/>
      <c r="D2439" s="3"/>
      <c r="E2439" s="3"/>
    </row>
    <row r="2440" spans="1:5" ht="13" customHeight="1" x14ac:dyDescent="0.35">
      <c r="A2440" s="3"/>
      <c r="C2440" s="3"/>
      <c r="D2440" s="3"/>
      <c r="E2440" s="3"/>
    </row>
    <row r="2441" spans="1:5" ht="13" customHeight="1" x14ac:dyDescent="0.35">
      <c r="A2441" s="3"/>
      <c r="C2441" s="3"/>
      <c r="D2441" s="3"/>
      <c r="E2441" s="3"/>
    </row>
    <row r="2442" spans="1:5" ht="13" customHeight="1" x14ac:dyDescent="0.35">
      <c r="A2442" s="3"/>
      <c r="C2442" s="3"/>
      <c r="D2442" s="3"/>
      <c r="E2442" s="3"/>
    </row>
    <row r="2443" spans="1:5" ht="13" customHeight="1" x14ac:dyDescent="0.35">
      <c r="A2443" s="3"/>
      <c r="C2443" s="3"/>
      <c r="D2443" s="3"/>
      <c r="E2443" s="3"/>
    </row>
    <row r="2444" spans="1:5" ht="13" customHeight="1" x14ac:dyDescent="0.35">
      <c r="A2444" s="3"/>
      <c r="C2444" s="3"/>
      <c r="D2444" s="3"/>
      <c r="E2444" s="3"/>
    </row>
    <row r="2445" spans="1:5" ht="13" customHeight="1" x14ac:dyDescent="0.35">
      <c r="A2445" s="3"/>
      <c r="C2445" s="3"/>
      <c r="D2445" s="3"/>
      <c r="E2445" s="3"/>
    </row>
    <row r="2446" spans="1:5" ht="13" customHeight="1" x14ac:dyDescent="0.35">
      <c r="A2446" s="3"/>
      <c r="C2446" s="3"/>
      <c r="D2446" s="3"/>
      <c r="E2446" s="3"/>
    </row>
    <row r="2447" spans="1:5" ht="13" customHeight="1" x14ac:dyDescent="0.35">
      <c r="A2447" s="3"/>
      <c r="C2447" s="3"/>
      <c r="D2447" s="3"/>
      <c r="E2447" s="3"/>
    </row>
    <row r="2448" spans="1:5" ht="13" customHeight="1" x14ac:dyDescent="0.35">
      <c r="A2448" s="3"/>
      <c r="C2448" s="3"/>
      <c r="D2448" s="3"/>
      <c r="E2448" s="3"/>
    </row>
    <row r="2449" spans="1:5" ht="13" customHeight="1" x14ac:dyDescent="0.35">
      <c r="A2449" s="3"/>
      <c r="C2449" s="3"/>
      <c r="D2449" s="3"/>
      <c r="E2449" s="3"/>
    </row>
    <row r="2450" spans="1:5" ht="13" customHeight="1" x14ac:dyDescent="0.35">
      <c r="A2450" s="3"/>
      <c r="C2450" s="3"/>
      <c r="D2450" s="3"/>
      <c r="E2450" s="3"/>
    </row>
    <row r="2451" spans="1:5" ht="13" customHeight="1" x14ac:dyDescent="0.35">
      <c r="A2451" s="3"/>
      <c r="C2451" s="3"/>
      <c r="D2451" s="3"/>
      <c r="E2451" s="3"/>
    </row>
    <row r="2452" spans="1:5" ht="13" customHeight="1" x14ac:dyDescent="0.35">
      <c r="A2452" s="3"/>
      <c r="C2452" s="3"/>
      <c r="D2452" s="3"/>
      <c r="E2452" s="3"/>
    </row>
    <row r="2453" spans="1:5" ht="13" customHeight="1" x14ac:dyDescent="0.35">
      <c r="A2453" s="3"/>
      <c r="C2453" s="3"/>
      <c r="D2453" s="3"/>
      <c r="E2453" s="3"/>
    </row>
    <row r="2454" spans="1:5" ht="13" customHeight="1" x14ac:dyDescent="0.35">
      <c r="A2454" s="3"/>
      <c r="C2454" s="3"/>
      <c r="D2454" s="3"/>
      <c r="E2454" s="3"/>
    </row>
    <row r="2455" spans="1:5" ht="13" customHeight="1" x14ac:dyDescent="0.35">
      <c r="A2455" s="3"/>
      <c r="C2455" s="3"/>
      <c r="D2455" s="3"/>
      <c r="E2455" s="3"/>
    </row>
    <row r="2456" spans="1:5" ht="13" customHeight="1" x14ac:dyDescent="0.35">
      <c r="A2456" s="3"/>
      <c r="C2456" s="3"/>
      <c r="D2456" s="3"/>
      <c r="E2456" s="3"/>
    </row>
    <row r="2457" spans="1:5" ht="13" customHeight="1" x14ac:dyDescent="0.35">
      <c r="A2457" s="3"/>
      <c r="C2457" s="3"/>
      <c r="D2457" s="3"/>
      <c r="E2457" s="3"/>
    </row>
    <row r="2458" spans="1:5" ht="13" customHeight="1" x14ac:dyDescent="0.35">
      <c r="A2458" s="3"/>
      <c r="C2458" s="3"/>
      <c r="D2458" s="3"/>
      <c r="E2458" s="3"/>
    </row>
    <row r="2459" spans="1:5" ht="13" customHeight="1" x14ac:dyDescent="0.35">
      <c r="A2459" s="3"/>
      <c r="C2459" s="3"/>
      <c r="D2459" s="3"/>
      <c r="E2459" s="3"/>
    </row>
    <row r="2460" spans="1:5" ht="13" customHeight="1" x14ac:dyDescent="0.35">
      <c r="A2460" s="3"/>
      <c r="C2460" s="3"/>
      <c r="D2460" s="3"/>
      <c r="E2460" s="3"/>
    </row>
    <row r="2461" spans="1:5" ht="13" customHeight="1" x14ac:dyDescent="0.35">
      <c r="A2461" s="3"/>
      <c r="C2461" s="3"/>
      <c r="D2461" s="3"/>
      <c r="E2461" s="3"/>
    </row>
    <row r="2462" spans="1:5" ht="13" customHeight="1" x14ac:dyDescent="0.35">
      <c r="A2462" s="3"/>
      <c r="C2462" s="3"/>
      <c r="D2462" s="3"/>
      <c r="E2462" s="3"/>
    </row>
    <row r="2463" spans="1:5" ht="13" customHeight="1" x14ac:dyDescent="0.35">
      <c r="A2463" s="3"/>
      <c r="C2463" s="3"/>
      <c r="D2463" s="3"/>
      <c r="E2463" s="3"/>
    </row>
  </sheetData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0C55CC-124B-4FFB-95BE-1A12C433B8F1}">
  <sheetPr codeName="gantt">
    <pageSetUpPr fitToPage="1"/>
  </sheetPr>
  <dimension ref="A1:CW51"/>
  <sheetViews>
    <sheetView showGridLines="0" zoomScale="85" zoomScaleNormal="85" workbookViewId="0"/>
  </sheetViews>
  <sheetFormatPr baseColWidth="10" defaultColWidth="11.453125" defaultRowHeight="13.5" x14ac:dyDescent="0.35"/>
  <cols>
    <col min="1" max="1" width="4.453125" style="234" bestFit="1" customWidth="1"/>
    <col min="2" max="2" width="3.7265625" style="234" bestFit="1" customWidth="1"/>
    <col min="3" max="3" width="20.08984375" style="234" bestFit="1" customWidth="1"/>
    <col min="4" max="4" width="6.54296875" style="234" bestFit="1" customWidth="1"/>
    <col min="5" max="100" width="3.90625" style="234" customWidth="1"/>
    <col min="101" max="16384" width="11.453125" style="234"/>
  </cols>
  <sheetData>
    <row r="1" spans="1:100" ht="23" x14ac:dyDescent="0.5">
      <c r="C1" s="235" t="s">
        <v>2699</v>
      </c>
      <c r="D1" s="236" t="str">
        <f>+RegistroInf!C3</f>
        <v>200</v>
      </c>
      <c r="AS1" s="299" t="s">
        <v>2675</v>
      </c>
      <c r="AT1" s="299"/>
      <c r="AU1" s="299"/>
      <c r="AV1" s="299"/>
      <c r="AW1" s="299"/>
      <c r="AX1" s="299"/>
      <c r="AY1" s="299"/>
      <c r="AZ1" s="299"/>
    </row>
    <row r="2" spans="1:100" x14ac:dyDescent="0.35">
      <c r="C2" s="235" t="s">
        <v>2700</v>
      </c>
      <c r="D2" s="236">
        <v>96</v>
      </c>
    </row>
    <row r="3" spans="1:100" x14ac:dyDescent="0.35">
      <c r="E3" s="294" t="s">
        <v>2485</v>
      </c>
      <c r="F3" s="294"/>
      <c r="G3" s="294"/>
      <c r="H3" s="294"/>
      <c r="I3" s="294" t="s">
        <v>2486</v>
      </c>
      <c r="J3" s="294"/>
      <c r="K3" s="294"/>
      <c r="L3" s="294"/>
      <c r="M3" s="294" t="s">
        <v>2487</v>
      </c>
      <c r="N3" s="294"/>
      <c r="O3" s="294"/>
      <c r="P3" s="294"/>
      <c r="Q3" s="294" t="s">
        <v>2488</v>
      </c>
      <c r="R3" s="294"/>
      <c r="S3" s="294"/>
      <c r="T3" s="294"/>
      <c r="U3" s="294" t="s">
        <v>2489</v>
      </c>
      <c r="V3" s="294"/>
      <c r="W3" s="294"/>
      <c r="X3" s="294"/>
      <c r="Y3" s="294" t="s">
        <v>2490</v>
      </c>
      <c r="Z3" s="294"/>
      <c r="AA3" s="294"/>
      <c r="AB3" s="294"/>
      <c r="AC3" s="294" t="s">
        <v>2491</v>
      </c>
      <c r="AD3" s="294"/>
      <c r="AE3" s="294"/>
      <c r="AF3" s="294"/>
      <c r="AG3" s="294" t="s">
        <v>2492</v>
      </c>
      <c r="AH3" s="294"/>
      <c r="AI3" s="294"/>
      <c r="AJ3" s="294"/>
      <c r="AK3" s="294" t="s">
        <v>2493</v>
      </c>
      <c r="AL3" s="294"/>
      <c r="AM3" s="294"/>
      <c r="AN3" s="294"/>
      <c r="AO3" s="294" t="s">
        <v>2494</v>
      </c>
      <c r="AP3" s="294"/>
      <c r="AQ3" s="294"/>
      <c r="AR3" s="294"/>
      <c r="AS3" s="294" t="s">
        <v>2495</v>
      </c>
      <c r="AT3" s="294"/>
      <c r="AU3" s="294"/>
      <c r="AV3" s="294"/>
      <c r="AW3" s="294" t="s">
        <v>2496</v>
      </c>
      <c r="AX3" s="294"/>
      <c r="AY3" s="294"/>
      <c r="AZ3" s="294"/>
      <c r="BA3" s="295" t="s">
        <v>2497</v>
      </c>
      <c r="BB3" s="295"/>
      <c r="BC3" s="295"/>
      <c r="BD3" s="295"/>
      <c r="BE3" s="295" t="s">
        <v>2498</v>
      </c>
      <c r="BF3" s="295"/>
      <c r="BG3" s="295"/>
      <c r="BH3" s="295"/>
      <c r="BI3" s="295" t="s">
        <v>2499</v>
      </c>
      <c r="BJ3" s="295"/>
      <c r="BK3" s="295"/>
      <c r="BL3" s="295"/>
      <c r="BM3" s="295" t="s">
        <v>2500</v>
      </c>
      <c r="BN3" s="295"/>
      <c r="BO3" s="295"/>
      <c r="BP3" s="295"/>
      <c r="BQ3" s="295" t="s">
        <v>2501</v>
      </c>
      <c r="BR3" s="295"/>
      <c r="BS3" s="295"/>
      <c r="BT3" s="295"/>
      <c r="BU3" s="295" t="s">
        <v>2502</v>
      </c>
      <c r="BV3" s="295"/>
      <c r="BW3" s="295"/>
      <c r="BX3" s="295"/>
      <c r="BY3" s="295" t="s">
        <v>2503</v>
      </c>
      <c r="BZ3" s="295"/>
      <c r="CA3" s="295"/>
      <c r="CB3" s="295"/>
      <c r="CC3" s="295" t="s">
        <v>2504</v>
      </c>
      <c r="CD3" s="295"/>
      <c r="CE3" s="295"/>
      <c r="CF3" s="295"/>
      <c r="CG3" s="295" t="s">
        <v>2505</v>
      </c>
      <c r="CH3" s="295"/>
      <c r="CI3" s="295"/>
      <c r="CJ3" s="295"/>
      <c r="CK3" s="295" t="s">
        <v>2506</v>
      </c>
      <c r="CL3" s="295"/>
      <c r="CM3" s="295"/>
      <c r="CN3" s="295"/>
      <c r="CO3" s="295" t="s">
        <v>2507</v>
      </c>
      <c r="CP3" s="295"/>
      <c r="CQ3" s="295"/>
      <c r="CR3" s="295"/>
      <c r="CS3" s="295" t="s">
        <v>2508</v>
      </c>
      <c r="CT3" s="295"/>
      <c r="CU3" s="295"/>
      <c r="CV3" s="295"/>
    </row>
    <row r="4" spans="1:100" s="239" customFormat="1" ht="14.5" customHeight="1" x14ac:dyDescent="0.35">
      <c r="A4" s="237"/>
      <c r="B4" s="291" t="s">
        <v>2719</v>
      </c>
      <c r="C4" s="247" t="s">
        <v>2444</v>
      </c>
      <c r="D4" s="247" t="s">
        <v>2480</v>
      </c>
      <c r="E4" s="248" t="s">
        <v>2509</v>
      </c>
      <c r="F4" s="248" t="s">
        <v>2510</v>
      </c>
      <c r="G4" s="248" t="s">
        <v>2511</v>
      </c>
      <c r="H4" s="248" t="s">
        <v>2512</v>
      </c>
      <c r="I4" s="248" t="s">
        <v>2513</v>
      </c>
      <c r="J4" s="248" t="s">
        <v>2514</v>
      </c>
      <c r="K4" s="248" t="s">
        <v>2515</v>
      </c>
      <c r="L4" s="248" t="s">
        <v>2516</v>
      </c>
      <c r="M4" s="248" t="s">
        <v>2517</v>
      </c>
      <c r="N4" s="248" t="s">
        <v>2518</v>
      </c>
      <c r="O4" s="248" t="s">
        <v>2519</v>
      </c>
      <c r="P4" s="248" t="s">
        <v>2520</v>
      </c>
      <c r="Q4" s="248" t="s">
        <v>2521</v>
      </c>
      <c r="R4" s="248" t="s">
        <v>2522</v>
      </c>
      <c r="S4" s="248" t="s">
        <v>2523</v>
      </c>
      <c r="T4" s="248" t="s">
        <v>2524</v>
      </c>
      <c r="U4" s="248" t="s">
        <v>2525</v>
      </c>
      <c r="V4" s="248" t="s">
        <v>2526</v>
      </c>
      <c r="W4" s="248" t="s">
        <v>2527</v>
      </c>
      <c r="X4" s="248" t="s">
        <v>2528</v>
      </c>
      <c r="Y4" s="248" t="s">
        <v>2529</v>
      </c>
      <c r="Z4" s="248" t="s">
        <v>2530</v>
      </c>
      <c r="AA4" s="248" t="s">
        <v>2531</v>
      </c>
      <c r="AB4" s="248" t="s">
        <v>2532</v>
      </c>
      <c r="AC4" s="248" t="s">
        <v>2533</v>
      </c>
      <c r="AD4" s="248" t="s">
        <v>2534</v>
      </c>
      <c r="AE4" s="248" t="s">
        <v>2535</v>
      </c>
      <c r="AF4" s="248" t="s">
        <v>2536</v>
      </c>
      <c r="AG4" s="248" t="s">
        <v>2537</v>
      </c>
      <c r="AH4" s="248" t="s">
        <v>2538</v>
      </c>
      <c r="AI4" s="248" t="s">
        <v>2539</v>
      </c>
      <c r="AJ4" s="248" t="s">
        <v>2540</v>
      </c>
      <c r="AK4" s="248" t="s">
        <v>2541</v>
      </c>
      <c r="AL4" s="248" t="s">
        <v>2542</v>
      </c>
      <c r="AM4" s="248" t="s">
        <v>2543</v>
      </c>
      <c r="AN4" s="248" t="s">
        <v>2544</v>
      </c>
      <c r="AO4" s="248" t="s">
        <v>2545</v>
      </c>
      <c r="AP4" s="248" t="s">
        <v>2546</v>
      </c>
      <c r="AQ4" s="248" t="s">
        <v>2547</v>
      </c>
      <c r="AR4" s="248" t="s">
        <v>2548</v>
      </c>
      <c r="AS4" s="248" t="s">
        <v>2549</v>
      </c>
      <c r="AT4" s="248" t="s">
        <v>2550</v>
      </c>
      <c r="AU4" s="248" t="s">
        <v>2551</v>
      </c>
      <c r="AV4" s="248" t="s">
        <v>2552</v>
      </c>
      <c r="AW4" s="248" t="s">
        <v>2553</v>
      </c>
      <c r="AX4" s="248" t="s">
        <v>2554</v>
      </c>
      <c r="AY4" s="248" t="s">
        <v>2555</v>
      </c>
      <c r="AZ4" s="248" t="s">
        <v>2556</v>
      </c>
      <c r="BA4" s="238" t="s">
        <v>2557</v>
      </c>
      <c r="BB4" s="238" t="s">
        <v>2558</v>
      </c>
      <c r="BC4" s="238" t="s">
        <v>2559</v>
      </c>
      <c r="BD4" s="238" t="s">
        <v>2560</v>
      </c>
      <c r="BE4" s="238" t="s">
        <v>2561</v>
      </c>
      <c r="BF4" s="238" t="s">
        <v>2562</v>
      </c>
      <c r="BG4" s="238" t="s">
        <v>2563</v>
      </c>
      <c r="BH4" s="238" t="s">
        <v>2564</v>
      </c>
      <c r="BI4" s="238" t="s">
        <v>2565</v>
      </c>
      <c r="BJ4" s="238" t="s">
        <v>2566</v>
      </c>
      <c r="BK4" s="238" t="s">
        <v>2567</v>
      </c>
      <c r="BL4" s="238" t="s">
        <v>2568</v>
      </c>
      <c r="BM4" s="238" t="s">
        <v>2569</v>
      </c>
      <c r="BN4" s="238" t="s">
        <v>2570</v>
      </c>
      <c r="BO4" s="238" t="s">
        <v>2571</v>
      </c>
      <c r="BP4" s="238" t="s">
        <v>2572</v>
      </c>
      <c r="BQ4" s="238" t="s">
        <v>2573</v>
      </c>
      <c r="BR4" s="238" t="s">
        <v>2574</v>
      </c>
      <c r="BS4" s="238" t="s">
        <v>2575</v>
      </c>
      <c r="BT4" s="238" t="s">
        <v>2576</v>
      </c>
      <c r="BU4" s="238" t="s">
        <v>2577</v>
      </c>
      <c r="BV4" s="238" t="s">
        <v>2578</v>
      </c>
      <c r="BW4" s="238" t="s">
        <v>2579</v>
      </c>
      <c r="BX4" s="238" t="s">
        <v>2580</v>
      </c>
      <c r="BY4" s="238" t="s">
        <v>2581</v>
      </c>
      <c r="BZ4" s="238" t="s">
        <v>2582</v>
      </c>
      <c r="CA4" s="238" t="s">
        <v>2583</v>
      </c>
      <c r="CB4" s="238" t="s">
        <v>2584</v>
      </c>
      <c r="CC4" s="238" t="s">
        <v>2585</v>
      </c>
      <c r="CD4" s="238" t="s">
        <v>2586</v>
      </c>
      <c r="CE4" s="238" t="s">
        <v>2587</v>
      </c>
      <c r="CF4" s="238" t="s">
        <v>2588</v>
      </c>
      <c r="CG4" s="238" t="s">
        <v>2589</v>
      </c>
      <c r="CH4" s="238" t="s">
        <v>2590</v>
      </c>
      <c r="CI4" s="238" t="s">
        <v>2591</v>
      </c>
      <c r="CJ4" s="238" t="s">
        <v>2592</v>
      </c>
      <c r="CK4" s="238" t="s">
        <v>2593</v>
      </c>
      <c r="CL4" s="238" t="s">
        <v>2594</v>
      </c>
      <c r="CM4" s="238" t="s">
        <v>2595</v>
      </c>
      <c r="CN4" s="238" t="s">
        <v>2596</v>
      </c>
      <c r="CO4" s="238" t="s">
        <v>2597</v>
      </c>
      <c r="CP4" s="238" t="s">
        <v>2598</v>
      </c>
      <c r="CQ4" s="238" t="s">
        <v>2599</v>
      </c>
      <c r="CR4" s="238" t="s">
        <v>2600</v>
      </c>
      <c r="CS4" s="238" t="s">
        <v>2601</v>
      </c>
      <c r="CT4" s="238" t="s">
        <v>2602</v>
      </c>
      <c r="CU4" s="238" t="s">
        <v>2603</v>
      </c>
      <c r="CV4" s="238" t="s">
        <v>2604</v>
      </c>
    </row>
    <row r="5" spans="1:100" ht="12" customHeight="1" x14ac:dyDescent="0.35">
      <c r="A5" s="240"/>
      <c r="B5" s="292"/>
      <c r="C5" s="241" t="s">
        <v>2465</v>
      </c>
      <c r="D5" s="242">
        <v>8.908656409482929E-2</v>
      </c>
      <c r="E5" s="243">
        <v>1</v>
      </c>
      <c r="F5" s="243">
        <v>1</v>
      </c>
      <c r="G5" s="243">
        <v>1</v>
      </c>
      <c r="H5" s="243">
        <v>1</v>
      </c>
      <c r="I5" s="243">
        <v>1</v>
      </c>
      <c r="J5" s="243">
        <v>1</v>
      </c>
      <c r="K5" s="243">
        <v>1</v>
      </c>
      <c r="L5" s="243">
        <v>1</v>
      </c>
      <c r="M5" s="243">
        <v>1</v>
      </c>
      <c r="N5" s="243"/>
      <c r="O5" s="243"/>
      <c r="P5" s="243"/>
      <c r="Q5" s="243"/>
      <c r="R5" s="243"/>
      <c r="S5" s="243"/>
      <c r="T5" s="243"/>
      <c r="U5" s="243"/>
      <c r="V5" s="243"/>
      <c r="W5" s="243"/>
      <c r="X5" s="243"/>
      <c r="Y5" s="243"/>
      <c r="Z5" s="243"/>
      <c r="AA5" s="243"/>
      <c r="AB5" s="243"/>
      <c r="AC5" s="243"/>
      <c r="AD5" s="243"/>
      <c r="AE5" s="243"/>
      <c r="AF5" s="243"/>
      <c r="AG5" s="243"/>
      <c r="AH5" s="243"/>
      <c r="AI5" s="243"/>
      <c r="AJ5" s="243"/>
      <c r="AK5" s="243"/>
      <c r="AL5" s="243"/>
      <c r="AM5" s="243"/>
      <c r="AN5" s="243"/>
      <c r="AO5" s="243"/>
      <c r="AP5" s="243"/>
      <c r="AQ5" s="243"/>
      <c r="AR5" s="243"/>
      <c r="AS5" s="243"/>
      <c r="AT5" s="243"/>
      <c r="AU5" s="243"/>
      <c r="AV5" s="243"/>
      <c r="AW5" s="243"/>
      <c r="AX5" s="243"/>
      <c r="AY5" s="243"/>
      <c r="AZ5" s="243"/>
      <c r="BA5" s="243"/>
      <c r="BB5" s="243"/>
      <c r="BC5" s="243"/>
      <c r="BD5" s="243"/>
      <c r="BE5" s="243"/>
      <c r="BF5" s="243"/>
      <c r="BG5" s="243"/>
      <c r="BH5" s="243"/>
      <c r="BI5" s="243"/>
      <c r="BJ5" s="243"/>
      <c r="BK5" s="243"/>
      <c r="BL5" s="243"/>
      <c r="BM5" s="243"/>
      <c r="BN5" s="243"/>
      <c r="BO5" s="243"/>
      <c r="BP5" s="243"/>
      <c r="BQ5" s="243"/>
      <c r="BR5" s="243"/>
      <c r="BS5" s="243"/>
      <c r="BT5" s="243"/>
      <c r="BU5" s="243"/>
      <c r="BV5" s="243"/>
      <c r="BW5" s="243"/>
      <c r="BX5" s="243"/>
      <c r="BY5" s="243"/>
      <c r="BZ5" s="243"/>
      <c r="CA5" s="243"/>
      <c r="CB5" s="243"/>
      <c r="CC5" s="243"/>
      <c r="CD5" s="243"/>
      <c r="CE5" s="243"/>
      <c r="CF5" s="243"/>
      <c r="CG5" s="243"/>
      <c r="CH5" s="243"/>
      <c r="CI5" s="243"/>
      <c r="CJ5" s="243"/>
      <c r="CK5" s="243"/>
      <c r="CL5" s="243"/>
      <c r="CM5" s="243"/>
      <c r="CN5" s="243"/>
      <c r="CO5" s="243"/>
      <c r="CP5" s="243"/>
      <c r="CQ5" s="243"/>
      <c r="CR5" s="243"/>
      <c r="CS5" s="243"/>
      <c r="CT5" s="243"/>
      <c r="CU5" s="243"/>
      <c r="CV5" s="243"/>
    </row>
    <row r="6" spans="1:100" x14ac:dyDescent="0.35">
      <c r="A6" s="240"/>
      <c r="B6" s="292"/>
      <c r="C6" s="241" t="s">
        <v>2466</v>
      </c>
      <c r="D6" s="242">
        <v>0.16405393791674722</v>
      </c>
      <c r="E6" s="243"/>
      <c r="F6" s="243"/>
      <c r="G6" s="243"/>
      <c r="H6" s="243"/>
      <c r="I6" s="243"/>
      <c r="J6" s="243"/>
      <c r="K6" s="243"/>
      <c r="L6" s="243"/>
      <c r="M6" s="243">
        <v>0</v>
      </c>
      <c r="N6" s="243">
        <v>1</v>
      </c>
      <c r="O6" s="243">
        <v>1</v>
      </c>
      <c r="P6" s="243">
        <v>1</v>
      </c>
      <c r="Q6" s="243">
        <v>1</v>
      </c>
      <c r="R6" s="243">
        <v>1</v>
      </c>
      <c r="S6" s="243">
        <v>1</v>
      </c>
      <c r="T6" s="243">
        <v>1</v>
      </c>
      <c r="U6" s="243">
        <v>1</v>
      </c>
      <c r="V6" s="243">
        <v>1</v>
      </c>
      <c r="W6" s="243">
        <v>1</v>
      </c>
      <c r="X6" s="243">
        <v>1</v>
      </c>
      <c r="Y6" s="243">
        <v>1</v>
      </c>
      <c r="Z6" s="243">
        <v>1</v>
      </c>
      <c r="AA6" s="243">
        <v>1</v>
      </c>
      <c r="AB6" s="243">
        <v>1</v>
      </c>
      <c r="AC6" s="243">
        <v>1</v>
      </c>
      <c r="AD6" s="243"/>
      <c r="AE6" s="243"/>
      <c r="AF6" s="243"/>
      <c r="AG6" s="243"/>
      <c r="AH6" s="243"/>
      <c r="AI6" s="243"/>
      <c r="AJ6" s="243"/>
      <c r="AK6" s="243"/>
      <c r="AL6" s="243"/>
      <c r="AM6" s="243"/>
      <c r="AN6" s="243"/>
      <c r="AO6" s="243"/>
      <c r="AP6" s="243"/>
      <c r="AQ6" s="243"/>
      <c r="AR6" s="243"/>
      <c r="AS6" s="243"/>
      <c r="AT6" s="243"/>
      <c r="AU6" s="243"/>
      <c r="AV6" s="243"/>
      <c r="AW6" s="243"/>
      <c r="AX6" s="243"/>
      <c r="AY6" s="243"/>
      <c r="AZ6" s="243"/>
      <c r="BA6" s="243"/>
      <c r="BB6" s="243"/>
      <c r="BC6" s="243"/>
      <c r="BD6" s="243"/>
      <c r="BE6" s="243"/>
      <c r="BF6" s="243"/>
      <c r="BG6" s="243"/>
      <c r="BH6" s="243"/>
      <c r="BI6" s="243"/>
      <c r="BJ6" s="243"/>
      <c r="BK6" s="243"/>
      <c r="BL6" s="243"/>
      <c r="BM6" s="243"/>
      <c r="BN6" s="243"/>
      <c r="BO6" s="243"/>
      <c r="BP6" s="243"/>
      <c r="BQ6" s="243"/>
      <c r="BR6" s="243"/>
      <c r="BS6" s="243"/>
      <c r="BT6" s="243"/>
      <c r="BU6" s="243"/>
      <c r="BV6" s="243"/>
      <c r="BW6" s="243"/>
      <c r="BX6" s="243"/>
      <c r="BY6" s="243"/>
      <c r="BZ6" s="243"/>
      <c r="CA6" s="243"/>
      <c r="CB6" s="243"/>
      <c r="CC6" s="243"/>
      <c r="CD6" s="243"/>
      <c r="CE6" s="243"/>
      <c r="CF6" s="243"/>
      <c r="CG6" s="243"/>
      <c r="CH6" s="243"/>
      <c r="CI6" s="243"/>
      <c r="CJ6" s="243"/>
      <c r="CK6" s="243"/>
      <c r="CL6" s="243"/>
      <c r="CM6" s="243"/>
      <c r="CN6" s="243"/>
      <c r="CO6" s="243"/>
      <c r="CP6" s="243"/>
      <c r="CQ6" s="243"/>
      <c r="CR6" s="243"/>
      <c r="CS6" s="243"/>
      <c r="CT6" s="243"/>
      <c r="CU6" s="243"/>
      <c r="CV6" s="243"/>
    </row>
    <row r="7" spans="1:100" x14ac:dyDescent="0.35">
      <c r="A7" s="240"/>
      <c r="B7" s="292"/>
      <c r="C7" s="241" t="s">
        <v>2467</v>
      </c>
      <c r="D7" s="242">
        <v>8.7098322189605074E-2</v>
      </c>
      <c r="E7" s="243"/>
      <c r="F7" s="243"/>
      <c r="G7" s="243"/>
      <c r="H7" s="243"/>
      <c r="I7" s="243"/>
      <c r="J7" s="243"/>
      <c r="K7" s="243"/>
      <c r="L7" s="243"/>
      <c r="M7" s="243"/>
      <c r="N7" s="243"/>
      <c r="O7" s="243"/>
      <c r="P7" s="243"/>
      <c r="Q7" s="243"/>
      <c r="R7" s="243"/>
      <c r="S7" s="243"/>
      <c r="T7" s="243"/>
      <c r="U7" s="243"/>
      <c r="V7" s="243"/>
      <c r="W7" s="243"/>
      <c r="X7" s="243"/>
      <c r="Y7" s="243"/>
      <c r="Z7" s="243"/>
      <c r="AA7" s="243"/>
      <c r="AB7" s="243"/>
      <c r="AC7" s="243">
        <v>0</v>
      </c>
      <c r="AD7" s="243">
        <v>1</v>
      </c>
      <c r="AE7" s="243">
        <v>1</v>
      </c>
      <c r="AF7" s="243">
        <v>1</v>
      </c>
      <c r="AG7" s="243">
        <v>1</v>
      </c>
      <c r="AH7" s="243">
        <v>1</v>
      </c>
      <c r="AI7" s="243">
        <v>1</v>
      </c>
      <c r="AJ7" s="243">
        <v>1</v>
      </c>
      <c r="AK7" s="243">
        <v>1</v>
      </c>
      <c r="AL7" s="243"/>
      <c r="AM7" s="243"/>
      <c r="AN7" s="243"/>
      <c r="AO7" s="243"/>
      <c r="AP7" s="243"/>
      <c r="AQ7" s="243"/>
      <c r="AR7" s="243"/>
      <c r="AS7" s="243"/>
      <c r="AT7" s="243"/>
      <c r="AU7" s="243"/>
      <c r="AV7" s="243"/>
      <c r="AW7" s="243"/>
      <c r="AX7" s="243"/>
      <c r="AY7" s="243"/>
      <c r="AZ7" s="243"/>
      <c r="BA7" s="243"/>
      <c r="BB7" s="243"/>
      <c r="BC7" s="243"/>
      <c r="BD7" s="243"/>
      <c r="BE7" s="243"/>
      <c r="BF7" s="243"/>
      <c r="BG7" s="243"/>
      <c r="BH7" s="243"/>
      <c r="BI7" s="243"/>
      <c r="BJ7" s="243"/>
      <c r="BK7" s="243"/>
      <c r="BL7" s="243"/>
      <c r="BM7" s="243"/>
      <c r="BN7" s="243"/>
      <c r="BO7" s="243"/>
      <c r="BP7" s="243"/>
      <c r="BQ7" s="243"/>
      <c r="BR7" s="243"/>
      <c r="BS7" s="243"/>
      <c r="BT7" s="243"/>
      <c r="BU7" s="243"/>
      <c r="BV7" s="243"/>
      <c r="BW7" s="243"/>
      <c r="BX7" s="243"/>
      <c r="BY7" s="243"/>
      <c r="BZ7" s="243"/>
      <c r="CA7" s="243"/>
      <c r="CB7" s="243"/>
      <c r="CC7" s="243"/>
      <c r="CD7" s="243"/>
      <c r="CE7" s="243"/>
      <c r="CF7" s="243"/>
      <c r="CG7" s="243"/>
      <c r="CH7" s="243"/>
      <c r="CI7" s="243"/>
      <c r="CJ7" s="243"/>
      <c r="CK7" s="243"/>
      <c r="CL7" s="243"/>
      <c r="CM7" s="243"/>
      <c r="CN7" s="243"/>
      <c r="CO7" s="243"/>
      <c r="CP7" s="243"/>
      <c r="CQ7" s="243"/>
      <c r="CR7" s="243"/>
      <c r="CS7" s="243"/>
      <c r="CT7" s="243"/>
      <c r="CU7" s="243"/>
      <c r="CV7" s="243"/>
    </row>
    <row r="8" spans="1:100" x14ac:dyDescent="0.35">
      <c r="A8" s="240"/>
      <c r="B8" s="292"/>
      <c r="C8" s="241" t="s">
        <v>2468</v>
      </c>
      <c r="D8" s="242">
        <v>1.1940689831090215E-2</v>
      </c>
      <c r="E8" s="243"/>
      <c r="F8" s="243"/>
      <c r="G8" s="243"/>
      <c r="H8" s="243"/>
      <c r="I8" s="243"/>
      <c r="J8" s="243"/>
      <c r="K8" s="243"/>
      <c r="L8" s="243"/>
      <c r="M8" s="243"/>
      <c r="N8" s="243"/>
      <c r="O8" s="243"/>
      <c r="P8" s="243"/>
      <c r="Q8" s="243"/>
      <c r="R8" s="243"/>
      <c r="S8" s="243"/>
      <c r="T8" s="243"/>
      <c r="U8" s="243"/>
      <c r="V8" s="243"/>
      <c r="W8" s="243"/>
      <c r="X8" s="243"/>
      <c r="Y8" s="243"/>
      <c r="Z8" s="243"/>
      <c r="AA8" s="243"/>
      <c r="AB8" s="243"/>
      <c r="AC8" s="243"/>
      <c r="AD8" s="243"/>
      <c r="AE8" s="243"/>
      <c r="AF8" s="243"/>
      <c r="AG8" s="243"/>
      <c r="AH8" s="243"/>
      <c r="AI8" s="243"/>
      <c r="AJ8" s="243"/>
      <c r="AK8" s="243">
        <v>0</v>
      </c>
      <c r="AL8" s="243">
        <v>1</v>
      </c>
      <c r="AM8" s="243"/>
      <c r="AN8" s="243"/>
      <c r="AO8" s="243"/>
      <c r="AP8" s="243"/>
      <c r="AQ8" s="243"/>
      <c r="AR8" s="243"/>
      <c r="AS8" s="243"/>
      <c r="AT8" s="243"/>
      <c r="AU8" s="243"/>
      <c r="AV8" s="243"/>
      <c r="AW8" s="243"/>
      <c r="AX8" s="243"/>
      <c r="AY8" s="243"/>
      <c r="AZ8" s="243"/>
      <c r="BA8" s="243"/>
      <c r="BB8" s="243"/>
      <c r="BC8" s="243"/>
      <c r="BD8" s="243"/>
      <c r="BE8" s="243"/>
      <c r="BF8" s="243"/>
      <c r="BG8" s="243"/>
      <c r="BH8" s="243"/>
      <c r="BI8" s="243"/>
      <c r="BJ8" s="243"/>
      <c r="BK8" s="243"/>
      <c r="BL8" s="243"/>
      <c r="BM8" s="243"/>
      <c r="BN8" s="243"/>
      <c r="BO8" s="243"/>
      <c r="BP8" s="243"/>
      <c r="BQ8" s="243"/>
      <c r="BR8" s="243"/>
      <c r="BS8" s="243"/>
      <c r="BT8" s="243"/>
      <c r="BU8" s="243"/>
      <c r="BV8" s="243"/>
      <c r="BW8" s="243"/>
      <c r="BX8" s="243"/>
      <c r="BY8" s="243"/>
      <c r="BZ8" s="243"/>
      <c r="CA8" s="243"/>
      <c r="CB8" s="243"/>
      <c r="CC8" s="243"/>
      <c r="CD8" s="243"/>
      <c r="CE8" s="243"/>
      <c r="CF8" s="243"/>
      <c r="CG8" s="243"/>
      <c r="CH8" s="243"/>
      <c r="CI8" s="243"/>
      <c r="CJ8" s="243"/>
      <c r="CK8" s="243"/>
      <c r="CL8" s="243"/>
      <c r="CM8" s="243"/>
      <c r="CN8" s="243"/>
      <c r="CO8" s="243"/>
      <c r="CP8" s="243"/>
      <c r="CQ8" s="243"/>
      <c r="CR8" s="243"/>
      <c r="CS8" s="243"/>
      <c r="CT8" s="243"/>
      <c r="CU8" s="243"/>
      <c r="CV8" s="243"/>
    </row>
    <row r="9" spans="1:100" x14ac:dyDescent="0.35">
      <c r="A9" s="240"/>
      <c r="B9" s="292"/>
      <c r="C9" s="241" t="s">
        <v>2469</v>
      </c>
      <c r="D9" s="242">
        <v>9.9749316246131991E-3</v>
      </c>
      <c r="E9" s="243"/>
      <c r="F9" s="243"/>
      <c r="G9" s="243"/>
      <c r="H9" s="243"/>
      <c r="I9" s="243"/>
      <c r="J9" s="243"/>
      <c r="K9" s="243"/>
      <c r="L9" s="243"/>
      <c r="M9" s="243"/>
      <c r="N9" s="243"/>
      <c r="O9" s="243"/>
      <c r="P9" s="243"/>
      <c r="Q9" s="243"/>
      <c r="R9" s="243"/>
      <c r="S9" s="243"/>
      <c r="T9" s="243"/>
      <c r="U9" s="243"/>
      <c r="V9" s="243"/>
      <c r="W9" s="243"/>
      <c r="X9" s="243"/>
      <c r="Y9" s="243"/>
      <c r="Z9" s="243"/>
      <c r="AA9" s="243"/>
      <c r="AB9" s="243"/>
      <c r="AC9" s="243"/>
      <c r="AD9" s="243"/>
      <c r="AE9" s="243"/>
      <c r="AF9" s="243"/>
      <c r="AG9" s="243"/>
      <c r="AH9" s="243"/>
      <c r="AI9" s="243"/>
      <c r="AJ9" s="243"/>
      <c r="AK9" s="243"/>
      <c r="AL9" s="243">
        <v>0</v>
      </c>
      <c r="AM9" s="243">
        <v>1</v>
      </c>
      <c r="AN9" s="243"/>
      <c r="AO9" s="243"/>
      <c r="AP9" s="243"/>
      <c r="AQ9" s="243"/>
      <c r="AR9" s="243"/>
      <c r="AS9" s="243"/>
      <c r="AT9" s="243"/>
      <c r="AU9" s="243"/>
      <c r="AV9" s="243"/>
      <c r="AW9" s="243"/>
      <c r="AX9" s="243"/>
      <c r="AY9" s="243"/>
      <c r="AZ9" s="243"/>
      <c r="BA9" s="243"/>
      <c r="BB9" s="243"/>
      <c r="BC9" s="243"/>
      <c r="BD9" s="243"/>
      <c r="BE9" s="243"/>
      <c r="BF9" s="243"/>
      <c r="BG9" s="243"/>
      <c r="BH9" s="243"/>
      <c r="BI9" s="243"/>
      <c r="BJ9" s="243"/>
      <c r="BK9" s="243"/>
      <c r="BL9" s="243"/>
      <c r="BM9" s="243"/>
      <c r="BN9" s="243"/>
      <c r="BO9" s="243"/>
      <c r="BP9" s="243"/>
      <c r="BQ9" s="243"/>
      <c r="BR9" s="243"/>
      <c r="BS9" s="243"/>
      <c r="BT9" s="243"/>
      <c r="BU9" s="243"/>
      <c r="BV9" s="243"/>
      <c r="BW9" s="243"/>
      <c r="BX9" s="243"/>
      <c r="BY9" s="243"/>
      <c r="BZ9" s="243"/>
      <c r="CA9" s="243"/>
      <c r="CB9" s="243"/>
      <c r="CC9" s="243"/>
      <c r="CD9" s="243"/>
      <c r="CE9" s="243"/>
      <c r="CF9" s="243"/>
      <c r="CG9" s="243"/>
      <c r="CH9" s="243"/>
      <c r="CI9" s="243"/>
      <c r="CJ9" s="243"/>
      <c r="CK9" s="243"/>
      <c r="CL9" s="243"/>
      <c r="CM9" s="243"/>
      <c r="CN9" s="243"/>
      <c r="CO9" s="243"/>
      <c r="CP9" s="243"/>
      <c r="CQ9" s="243"/>
      <c r="CR9" s="243"/>
      <c r="CS9" s="243"/>
      <c r="CT9" s="243"/>
      <c r="CU9" s="243"/>
      <c r="CV9" s="243"/>
    </row>
    <row r="10" spans="1:100" x14ac:dyDescent="0.35">
      <c r="A10" s="240"/>
      <c r="B10" s="292"/>
      <c r="C10" s="241" t="s">
        <v>2470</v>
      </c>
      <c r="D10" s="242">
        <v>1.1899048478743708E-2</v>
      </c>
      <c r="E10" s="243"/>
      <c r="F10" s="243"/>
      <c r="G10" s="243"/>
      <c r="H10" s="243"/>
      <c r="I10" s="243"/>
      <c r="J10" s="243"/>
      <c r="K10" s="243"/>
      <c r="L10" s="243"/>
      <c r="M10" s="243"/>
      <c r="N10" s="243"/>
      <c r="O10" s="243"/>
      <c r="P10" s="243"/>
      <c r="Q10" s="243"/>
      <c r="R10" s="243"/>
      <c r="S10" s="243"/>
      <c r="T10" s="243"/>
      <c r="U10" s="243"/>
      <c r="V10" s="243"/>
      <c r="W10" s="243"/>
      <c r="X10" s="243"/>
      <c r="Y10" s="243"/>
      <c r="Z10" s="243"/>
      <c r="AA10" s="243"/>
      <c r="AB10" s="243"/>
      <c r="AC10" s="243"/>
      <c r="AD10" s="243"/>
      <c r="AE10" s="243"/>
      <c r="AF10" s="243"/>
      <c r="AG10" s="243"/>
      <c r="AH10" s="243"/>
      <c r="AI10" s="243"/>
      <c r="AJ10" s="243"/>
      <c r="AK10" s="243"/>
      <c r="AL10" s="243"/>
      <c r="AM10" s="243">
        <v>0</v>
      </c>
      <c r="AN10" s="243">
        <v>1</v>
      </c>
      <c r="AO10" s="243"/>
      <c r="AP10" s="243"/>
      <c r="AQ10" s="243"/>
      <c r="AR10" s="243"/>
      <c r="AS10" s="243"/>
      <c r="AT10" s="243"/>
      <c r="AU10" s="243"/>
      <c r="AV10" s="243"/>
      <c r="AW10" s="243"/>
      <c r="AX10" s="243"/>
      <c r="AY10" s="243"/>
      <c r="AZ10" s="243"/>
      <c r="BA10" s="243"/>
      <c r="BB10" s="243"/>
      <c r="BC10" s="243"/>
      <c r="BD10" s="243"/>
      <c r="BE10" s="243"/>
      <c r="BF10" s="243"/>
      <c r="BG10" s="243"/>
      <c r="BH10" s="243"/>
      <c r="BI10" s="243"/>
      <c r="BJ10" s="243"/>
      <c r="BK10" s="243"/>
      <c r="BL10" s="243"/>
      <c r="BM10" s="243"/>
      <c r="BN10" s="243"/>
      <c r="BO10" s="243"/>
      <c r="BP10" s="243"/>
      <c r="BQ10" s="243"/>
      <c r="BR10" s="243"/>
      <c r="BS10" s="243"/>
      <c r="BT10" s="243"/>
      <c r="BU10" s="243"/>
      <c r="BV10" s="243"/>
      <c r="BW10" s="243"/>
      <c r="BX10" s="243"/>
      <c r="BY10" s="243"/>
      <c r="BZ10" s="243"/>
      <c r="CA10" s="243"/>
      <c r="CB10" s="243"/>
      <c r="CC10" s="243"/>
      <c r="CD10" s="243"/>
      <c r="CE10" s="243"/>
      <c r="CF10" s="243"/>
      <c r="CG10" s="243"/>
      <c r="CH10" s="243"/>
      <c r="CI10" s="243"/>
      <c r="CJ10" s="243"/>
      <c r="CK10" s="243"/>
      <c r="CL10" s="243"/>
      <c r="CM10" s="243"/>
      <c r="CN10" s="243"/>
      <c r="CO10" s="243"/>
      <c r="CP10" s="243"/>
      <c r="CQ10" s="243"/>
      <c r="CR10" s="243"/>
      <c r="CS10" s="243"/>
      <c r="CT10" s="243"/>
      <c r="CU10" s="243"/>
      <c r="CV10" s="243"/>
    </row>
    <row r="11" spans="1:100" x14ac:dyDescent="0.35">
      <c r="A11" s="240"/>
      <c r="B11" s="292"/>
      <c r="C11" s="241" t="s">
        <v>2471</v>
      </c>
      <c r="D11" s="242">
        <v>1.0400339818924258E-3</v>
      </c>
      <c r="E11" s="243"/>
      <c r="F11" s="243"/>
      <c r="G11" s="243"/>
      <c r="H11" s="243"/>
      <c r="I11" s="243"/>
      <c r="J11" s="243"/>
      <c r="K11" s="243"/>
      <c r="L11" s="243"/>
      <c r="M11" s="243"/>
      <c r="N11" s="243"/>
      <c r="O11" s="243"/>
      <c r="P11" s="243"/>
      <c r="Q11" s="243"/>
      <c r="R11" s="243"/>
      <c r="S11" s="243"/>
      <c r="T11" s="243"/>
      <c r="U11" s="243"/>
      <c r="V11" s="243"/>
      <c r="W11" s="243"/>
      <c r="X11" s="243"/>
      <c r="Y11" s="243"/>
      <c r="Z11" s="243"/>
      <c r="AA11" s="243"/>
      <c r="AB11" s="243"/>
      <c r="AC11" s="243"/>
      <c r="AD11" s="243"/>
      <c r="AE11" s="243"/>
      <c r="AF11" s="243"/>
      <c r="AG11" s="243"/>
      <c r="AH11" s="243"/>
      <c r="AI11" s="243"/>
      <c r="AJ11" s="243"/>
      <c r="AK11" s="243"/>
      <c r="AL11" s="243"/>
      <c r="AM11" s="243"/>
      <c r="AN11" s="243">
        <v>0</v>
      </c>
      <c r="AO11" s="243">
        <v>1</v>
      </c>
      <c r="AP11" s="243"/>
      <c r="AQ11" s="243"/>
      <c r="AR11" s="243"/>
      <c r="AS11" s="243"/>
      <c r="AT11" s="243"/>
      <c r="AU11" s="243"/>
      <c r="AV11" s="243"/>
      <c r="AW11" s="243"/>
      <c r="AX11" s="243"/>
      <c r="AY11" s="243"/>
      <c r="AZ11" s="243"/>
      <c r="BA11" s="243"/>
      <c r="BB11" s="243"/>
      <c r="BC11" s="243"/>
      <c r="BD11" s="243"/>
      <c r="BE11" s="243"/>
      <c r="BF11" s="243"/>
      <c r="BG11" s="243"/>
      <c r="BH11" s="243"/>
      <c r="BI11" s="243"/>
      <c r="BJ11" s="243"/>
      <c r="BK11" s="243"/>
      <c r="BL11" s="243"/>
      <c r="BM11" s="243"/>
      <c r="BN11" s="243"/>
      <c r="BO11" s="243"/>
      <c r="BP11" s="243"/>
      <c r="BQ11" s="243"/>
      <c r="BR11" s="243"/>
      <c r="BS11" s="243"/>
      <c r="BT11" s="243"/>
      <c r="BU11" s="243"/>
      <c r="BV11" s="243"/>
      <c r="BW11" s="243"/>
      <c r="BX11" s="243"/>
      <c r="BY11" s="243"/>
      <c r="BZ11" s="243"/>
      <c r="CA11" s="243"/>
      <c r="CB11" s="243"/>
      <c r="CC11" s="243"/>
      <c r="CD11" s="243"/>
      <c r="CE11" s="243"/>
      <c r="CF11" s="243"/>
      <c r="CG11" s="243"/>
      <c r="CH11" s="243"/>
      <c r="CI11" s="243"/>
      <c r="CJ11" s="243"/>
      <c r="CK11" s="243"/>
      <c r="CL11" s="243"/>
      <c r="CM11" s="243"/>
      <c r="CN11" s="243"/>
      <c r="CO11" s="243"/>
      <c r="CP11" s="243"/>
      <c r="CQ11" s="243"/>
      <c r="CR11" s="243"/>
      <c r="CS11" s="243"/>
      <c r="CT11" s="243"/>
      <c r="CU11" s="243"/>
      <c r="CV11" s="243"/>
    </row>
    <row r="12" spans="1:100" x14ac:dyDescent="0.35">
      <c r="A12" s="240"/>
      <c r="B12" s="292"/>
      <c r="C12" s="241" t="s">
        <v>2472</v>
      </c>
      <c r="D12" s="242">
        <v>0.34333385066052607</v>
      </c>
      <c r="E12" s="243"/>
      <c r="F12" s="243"/>
      <c r="G12" s="243"/>
      <c r="H12" s="243"/>
      <c r="I12" s="243"/>
      <c r="J12" s="243"/>
      <c r="K12" s="243"/>
      <c r="L12" s="243"/>
      <c r="M12" s="243"/>
      <c r="N12" s="243"/>
      <c r="O12" s="243"/>
      <c r="P12" s="243"/>
      <c r="Q12" s="243"/>
      <c r="R12" s="243"/>
      <c r="S12" s="243"/>
      <c r="T12" s="243"/>
      <c r="U12" s="243"/>
      <c r="V12" s="243"/>
      <c r="W12" s="243"/>
      <c r="X12" s="243"/>
      <c r="Y12" s="243"/>
      <c r="Z12" s="243"/>
      <c r="AA12" s="243"/>
      <c r="AB12" s="243"/>
      <c r="AC12" s="243"/>
      <c r="AD12" s="243"/>
      <c r="AE12" s="243"/>
      <c r="AF12" s="243"/>
      <c r="AG12" s="243"/>
      <c r="AH12" s="243"/>
      <c r="AI12" s="243"/>
      <c r="AJ12" s="243"/>
      <c r="AK12" s="243"/>
      <c r="AL12" s="243"/>
      <c r="AM12" s="243"/>
      <c r="AN12" s="243"/>
      <c r="AO12" s="243">
        <v>0</v>
      </c>
      <c r="AP12" s="243">
        <v>1</v>
      </c>
      <c r="AQ12" s="243">
        <v>1</v>
      </c>
      <c r="AR12" s="243">
        <v>1</v>
      </c>
      <c r="AS12" s="243">
        <v>1</v>
      </c>
      <c r="AT12" s="243">
        <v>1</v>
      </c>
      <c r="AU12" s="243">
        <v>1</v>
      </c>
      <c r="AV12" s="243">
        <v>1</v>
      </c>
      <c r="AW12" s="243">
        <v>1</v>
      </c>
      <c r="AX12" s="243">
        <v>1</v>
      </c>
      <c r="AY12" s="243">
        <v>1</v>
      </c>
      <c r="AZ12" s="243">
        <v>1</v>
      </c>
      <c r="BA12" s="243">
        <v>1</v>
      </c>
      <c r="BB12" s="243">
        <v>1</v>
      </c>
      <c r="BC12" s="243">
        <v>1</v>
      </c>
      <c r="BD12" s="243">
        <v>1</v>
      </c>
      <c r="BE12" s="243">
        <v>1</v>
      </c>
      <c r="BF12" s="243">
        <v>1</v>
      </c>
      <c r="BG12" s="243">
        <v>1</v>
      </c>
      <c r="BH12" s="243">
        <v>1</v>
      </c>
      <c r="BI12" s="243">
        <v>1</v>
      </c>
      <c r="BJ12" s="243">
        <v>1</v>
      </c>
      <c r="BK12" s="243">
        <v>1</v>
      </c>
      <c r="BL12" s="243">
        <v>1</v>
      </c>
      <c r="BM12" s="243">
        <v>1</v>
      </c>
      <c r="BN12" s="243">
        <v>1</v>
      </c>
      <c r="BO12" s="243">
        <v>1</v>
      </c>
      <c r="BP12" s="243">
        <v>1</v>
      </c>
      <c r="BQ12" s="243">
        <v>1</v>
      </c>
      <c r="BR12" s="243">
        <v>1</v>
      </c>
      <c r="BS12" s="243">
        <v>1</v>
      </c>
      <c r="BT12" s="243">
        <v>1</v>
      </c>
      <c r="BU12" s="243">
        <v>1</v>
      </c>
      <c r="BV12" s="243">
        <v>1</v>
      </c>
      <c r="BW12" s="243"/>
      <c r="BX12" s="243"/>
      <c r="BY12" s="243"/>
      <c r="BZ12" s="243"/>
      <c r="CA12" s="243"/>
      <c r="CB12" s="243"/>
      <c r="CC12" s="243"/>
      <c r="CD12" s="243"/>
      <c r="CE12" s="243"/>
      <c r="CF12" s="243"/>
      <c r="CG12" s="243"/>
      <c r="CH12" s="243"/>
      <c r="CI12" s="243"/>
      <c r="CJ12" s="243"/>
      <c r="CK12" s="243"/>
      <c r="CL12" s="243"/>
      <c r="CM12" s="243"/>
      <c r="CN12" s="243"/>
      <c r="CO12" s="243"/>
      <c r="CP12" s="243"/>
      <c r="CQ12" s="243"/>
      <c r="CR12" s="243"/>
      <c r="CS12" s="243"/>
      <c r="CT12" s="243"/>
      <c r="CU12" s="243"/>
      <c r="CV12" s="243"/>
    </row>
    <row r="13" spans="1:100" x14ac:dyDescent="0.35">
      <c r="A13" s="240"/>
      <c r="B13" s="292"/>
      <c r="C13" s="241" t="s">
        <v>2473</v>
      </c>
      <c r="D13" s="242">
        <v>8.3135332790740479E-2</v>
      </c>
      <c r="E13" s="243"/>
      <c r="F13" s="243"/>
      <c r="G13" s="243"/>
      <c r="H13" s="243"/>
      <c r="I13" s="243"/>
      <c r="J13" s="243"/>
      <c r="K13" s="243"/>
      <c r="L13" s="243"/>
      <c r="M13" s="243"/>
      <c r="N13" s="243"/>
      <c r="O13" s="243"/>
      <c r="P13" s="243"/>
      <c r="Q13" s="243"/>
      <c r="R13" s="243"/>
      <c r="S13" s="243"/>
      <c r="T13" s="243"/>
      <c r="U13" s="243"/>
      <c r="V13" s="243"/>
      <c r="W13" s="243"/>
      <c r="X13" s="243"/>
      <c r="Y13" s="243"/>
      <c r="Z13" s="243"/>
      <c r="AA13" s="243"/>
      <c r="AB13" s="243"/>
      <c r="AC13" s="243"/>
      <c r="AD13" s="243"/>
      <c r="AE13" s="243"/>
      <c r="AF13" s="243"/>
      <c r="AG13" s="243"/>
      <c r="AH13" s="243"/>
      <c r="AI13" s="243"/>
      <c r="AJ13" s="243"/>
      <c r="AK13" s="243"/>
      <c r="AL13" s="243"/>
      <c r="AM13" s="243"/>
      <c r="AN13" s="243"/>
      <c r="AO13" s="243"/>
      <c r="AP13" s="243"/>
      <c r="AQ13" s="243"/>
      <c r="AR13" s="243"/>
      <c r="AS13" s="243"/>
      <c r="AT13" s="243"/>
      <c r="AU13" s="243"/>
      <c r="AV13" s="243"/>
      <c r="AW13" s="243"/>
      <c r="AX13" s="243"/>
      <c r="AY13" s="243"/>
      <c r="AZ13" s="243"/>
      <c r="BA13" s="243"/>
      <c r="BB13" s="243"/>
      <c r="BC13" s="243"/>
      <c r="BD13" s="243"/>
      <c r="BE13" s="243"/>
      <c r="BF13" s="243"/>
      <c r="BG13" s="243"/>
      <c r="BH13" s="243"/>
      <c r="BI13" s="243"/>
      <c r="BJ13" s="243"/>
      <c r="BK13" s="243"/>
      <c r="BL13" s="243"/>
      <c r="BM13" s="243"/>
      <c r="BN13" s="243"/>
      <c r="BO13" s="243"/>
      <c r="BP13" s="243"/>
      <c r="BQ13" s="243"/>
      <c r="BR13" s="243"/>
      <c r="BS13" s="243"/>
      <c r="BT13" s="243"/>
      <c r="BU13" s="243"/>
      <c r="BV13" s="243">
        <v>0</v>
      </c>
      <c r="BW13" s="243">
        <v>1</v>
      </c>
      <c r="BX13" s="243">
        <v>1</v>
      </c>
      <c r="BY13" s="243">
        <v>1</v>
      </c>
      <c r="BZ13" s="243">
        <v>1</v>
      </c>
      <c r="CA13" s="243">
        <v>1</v>
      </c>
      <c r="CB13" s="243">
        <v>1</v>
      </c>
      <c r="CC13" s="243">
        <v>1</v>
      </c>
      <c r="CD13" s="243">
        <v>1</v>
      </c>
      <c r="CE13" s="243"/>
      <c r="CF13" s="243"/>
      <c r="CG13" s="243"/>
      <c r="CH13" s="243"/>
      <c r="CI13" s="243"/>
      <c r="CJ13" s="243"/>
      <c r="CK13" s="243"/>
      <c r="CL13" s="243"/>
      <c r="CM13" s="243"/>
      <c r="CN13" s="243"/>
      <c r="CO13" s="243"/>
      <c r="CP13" s="243"/>
      <c r="CQ13" s="243"/>
      <c r="CR13" s="243"/>
      <c r="CS13" s="243"/>
      <c r="CT13" s="243"/>
      <c r="CU13" s="243"/>
      <c r="CV13" s="243"/>
    </row>
    <row r="14" spans="1:100" x14ac:dyDescent="0.35">
      <c r="A14" s="240"/>
      <c r="B14" s="292"/>
      <c r="C14" s="241" t="s">
        <v>2474</v>
      </c>
      <c r="D14" s="242">
        <v>2.0699614946185826E-2</v>
      </c>
      <c r="E14" s="243"/>
      <c r="F14" s="243"/>
      <c r="G14" s="243"/>
      <c r="H14" s="243"/>
      <c r="I14" s="243"/>
      <c r="J14" s="243"/>
      <c r="K14" s="243"/>
      <c r="L14" s="243"/>
      <c r="M14" s="243"/>
      <c r="N14" s="243"/>
      <c r="O14" s="243"/>
      <c r="P14" s="243"/>
      <c r="Q14" s="243"/>
      <c r="R14" s="243"/>
      <c r="S14" s="243"/>
      <c r="T14" s="243"/>
      <c r="U14" s="243"/>
      <c r="V14" s="243"/>
      <c r="W14" s="243"/>
      <c r="X14" s="243"/>
      <c r="Y14" s="243"/>
      <c r="Z14" s="243"/>
      <c r="AA14" s="243"/>
      <c r="AB14" s="243"/>
      <c r="AC14" s="243"/>
      <c r="AD14" s="243"/>
      <c r="AE14" s="243"/>
      <c r="AF14" s="243"/>
      <c r="AG14" s="243"/>
      <c r="AH14" s="243"/>
      <c r="AI14" s="243"/>
      <c r="AJ14" s="243"/>
      <c r="AK14" s="243"/>
      <c r="AL14" s="243"/>
      <c r="AM14" s="243"/>
      <c r="AN14" s="243"/>
      <c r="AO14" s="243"/>
      <c r="AP14" s="243"/>
      <c r="AQ14" s="243"/>
      <c r="AR14" s="243"/>
      <c r="AS14" s="243"/>
      <c r="AT14" s="243"/>
      <c r="AU14" s="243"/>
      <c r="AV14" s="243"/>
      <c r="AW14" s="243"/>
      <c r="AX14" s="243"/>
      <c r="AY14" s="243"/>
      <c r="AZ14" s="243"/>
      <c r="BA14" s="243"/>
      <c r="BB14" s="243"/>
      <c r="BC14" s="243"/>
      <c r="BD14" s="243"/>
      <c r="BE14" s="243"/>
      <c r="BF14" s="243"/>
      <c r="BG14" s="243"/>
      <c r="BH14" s="243"/>
      <c r="BI14" s="243"/>
      <c r="BJ14" s="243"/>
      <c r="BK14" s="243"/>
      <c r="BL14" s="243"/>
      <c r="BM14" s="243"/>
      <c r="BN14" s="243"/>
      <c r="BO14" s="243"/>
      <c r="BP14" s="243"/>
      <c r="BQ14" s="243"/>
      <c r="BR14" s="243"/>
      <c r="BS14" s="243"/>
      <c r="BT14" s="243"/>
      <c r="BU14" s="243"/>
      <c r="BV14" s="243"/>
      <c r="BW14" s="243"/>
      <c r="BX14" s="243"/>
      <c r="BY14" s="243"/>
      <c r="BZ14" s="243"/>
      <c r="CA14" s="243"/>
      <c r="CB14" s="243"/>
      <c r="CC14" s="243"/>
      <c r="CD14" s="243">
        <v>0</v>
      </c>
      <c r="CE14" s="243">
        <v>1</v>
      </c>
      <c r="CF14" s="243">
        <v>1</v>
      </c>
      <c r="CG14" s="243"/>
      <c r="CH14" s="243"/>
      <c r="CI14" s="243"/>
      <c r="CJ14" s="243"/>
      <c r="CK14" s="243"/>
      <c r="CL14" s="243"/>
      <c r="CM14" s="243"/>
      <c r="CN14" s="243"/>
      <c r="CO14" s="243"/>
      <c r="CP14" s="243"/>
      <c r="CQ14" s="243"/>
      <c r="CR14" s="243"/>
      <c r="CS14" s="243"/>
      <c r="CT14" s="243"/>
      <c r="CU14" s="243"/>
      <c r="CV14" s="243"/>
    </row>
    <row r="15" spans="1:100" x14ac:dyDescent="0.35">
      <c r="A15" s="240"/>
      <c r="B15" s="292"/>
      <c r="C15" s="241" t="s">
        <v>2475</v>
      </c>
      <c r="D15" s="242">
        <v>3.4141592254777996E-2</v>
      </c>
      <c r="E15" s="243"/>
      <c r="F15" s="243"/>
      <c r="G15" s="243"/>
      <c r="H15" s="243"/>
      <c r="I15" s="243"/>
      <c r="J15" s="243"/>
      <c r="K15" s="243"/>
      <c r="L15" s="243"/>
      <c r="M15" s="243"/>
      <c r="N15" s="243"/>
      <c r="O15" s="243"/>
      <c r="P15" s="243"/>
      <c r="Q15" s="243"/>
      <c r="R15" s="243"/>
      <c r="S15" s="243"/>
      <c r="T15" s="243"/>
      <c r="U15" s="243"/>
      <c r="V15" s="243"/>
      <c r="W15" s="243"/>
      <c r="X15" s="243"/>
      <c r="Y15" s="243"/>
      <c r="Z15" s="243"/>
      <c r="AA15" s="243"/>
      <c r="AB15" s="243"/>
      <c r="AC15" s="243"/>
      <c r="AD15" s="243"/>
      <c r="AE15" s="243"/>
      <c r="AF15" s="243"/>
      <c r="AG15" s="243"/>
      <c r="AH15" s="243"/>
      <c r="AI15" s="243"/>
      <c r="AJ15" s="243"/>
      <c r="AK15" s="243"/>
      <c r="AL15" s="243"/>
      <c r="AM15" s="243"/>
      <c r="AN15" s="243"/>
      <c r="AO15" s="243"/>
      <c r="AP15" s="243"/>
      <c r="AQ15" s="243"/>
      <c r="AR15" s="243"/>
      <c r="AS15" s="243"/>
      <c r="AT15" s="243"/>
      <c r="AU15" s="243"/>
      <c r="AV15" s="243"/>
      <c r="AW15" s="243"/>
      <c r="AX15" s="243"/>
      <c r="AY15" s="243"/>
      <c r="AZ15" s="243"/>
      <c r="BA15" s="243"/>
      <c r="BB15" s="243"/>
      <c r="BC15" s="243"/>
      <c r="BD15" s="243"/>
      <c r="BE15" s="243"/>
      <c r="BF15" s="243"/>
      <c r="BG15" s="243"/>
      <c r="BH15" s="243"/>
      <c r="BI15" s="243"/>
      <c r="BJ15" s="243"/>
      <c r="BK15" s="243"/>
      <c r="BL15" s="243"/>
      <c r="BM15" s="243"/>
      <c r="BN15" s="243"/>
      <c r="BO15" s="243"/>
      <c r="BP15" s="243"/>
      <c r="BQ15" s="243"/>
      <c r="BR15" s="243"/>
      <c r="BS15" s="243"/>
      <c r="BT15" s="243"/>
      <c r="BU15" s="243"/>
      <c r="BV15" s="243"/>
      <c r="BW15" s="243"/>
      <c r="BX15" s="243"/>
      <c r="BY15" s="243"/>
      <c r="BZ15" s="243"/>
      <c r="CA15" s="243"/>
      <c r="CB15" s="243"/>
      <c r="CC15" s="243"/>
      <c r="CD15" s="243"/>
      <c r="CE15" s="243"/>
      <c r="CF15" s="243">
        <v>0</v>
      </c>
      <c r="CG15" s="243">
        <v>1</v>
      </c>
      <c r="CH15" s="243">
        <v>1</v>
      </c>
      <c r="CI15" s="243">
        <v>1</v>
      </c>
      <c r="CJ15" s="243"/>
      <c r="CK15" s="243"/>
      <c r="CL15" s="243"/>
      <c r="CM15" s="243"/>
      <c r="CN15" s="243"/>
      <c r="CO15" s="243"/>
      <c r="CP15" s="243"/>
      <c r="CQ15" s="243"/>
      <c r="CR15" s="243"/>
      <c r="CS15" s="243"/>
      <c r="CT15" s="243"/>
      <c r="CU15" s="243"/>
      <c r="CV15" s="243"/>
    </row>
    <row r="16" spans="1:100" x14ac:dyDescent="0.35">
      <c r="A16" s="240"/>
      <c r="B16" s="292"/>
      <c r="C16" s="241" t="s">
        <v>2476</v>
      </c>
      <c r="D16" s="242">
        <v>5.7770934058057694E-2</v>
      </c>
      <c r="E16" s="243"/>
      <c r="F16" s="243"/>
      <c r="G16" s="243"/>
      <c r="H16" s="243"/>
      <c r="I16" s="243"/>
      <c r="J16" s="243"/>
      <c r="K16" s="243"/>
      <c r="L16" s="243"/>
      <c r="M16" s="243"/>
      <c r="N16" s="243"/>
      <c r="O16" s="243"/>
      <c r="P16" s="243"/>
      <c r="Q16" s="243"/>
      <c r="R16" s="243"/>
      <c r="S16" s="243"/>
      <c r="T16" s="243"/>
      <c r="U16" s="243"/>
      <c r="V16" s="243"/>
      <c r="W16" s="243"/>
      <c r="X16" s="243"/>
      <c r="Y16" s="243"/>
      <c r="Z16" s="243"/>
      <c r="AA16" s="243"/>
      <c r="AB16" s="243"/>
      <c r="AC16" s="243"/>
      <c r="AD16" s="243"/>
      <c r="AE16" s="243"/>
      <c r="AF16" s="243"/>
      <c r="AG16" s="243"/>
      <c r="AH16" s="243"/>
      <c r="AI16" s="243"/>
      <c r="AJ16" s="243"/>
      <c r="AK16" s="243"/>
      <c r="AL16" s="243"/>
      <c r="AM16" s="243"/>
      <c r="AN16" s="243"/>
      <c r="AO16" s="243"/>
      <c r="AP16" s="243"/>
      <c r="AQ16" s="243"/>
      <c r="AR16" s="243"/>
      <c r="AS16" s="243"/>
      <c r="AT16" s="243"/>
      <c r="AU16" s="243"/>
      <c r="AV16" s="243"/>
      <c r="AW16" s="243"/>
      <c r="AX16" s="243"/>
      <c r="AY16" s="243"/>
      <c r="AZ16" s="243"/>
      <c r="BA16" s="243"/>
      <c r="BB16" s="243"/>
      <c r="BC16" s="243"/>
      <c r="BD16" s="243"/>
      <c r="BE16" s="243"/>
      <c r="BF16" s="243"/>
      <c r="BG16" s="243"/>
      <c r="BH16" s="243"/>
      <c r="BI16" s="243"/>
      <c r="BJ16" s="243"/>
      <c r="BK16" s="243"/>
      <c r="BL16" s="243"/>
      <c r="BM16" s="243"/>
      <c r="BN16" s="243"/>
      <c r="BO16" s="243"/>
      <c r="BP16" s="243"/>
      <c r="BQ16" s="243"/>
      <c r="BR16" s="243"/>
      <c r="BS16" s="243"/>
      <c r="BT16" s="243"/>
      <c r="BU16" s="243"/>
      <c r="BV16" s="243"/>
      <c r="BW16" s="243"/>
      <c r="BX16" s="243"/>
      <c r="BY16" s="243"/>
      <c r="BZ16" s="243"/>
      <c r="CA16" s="243"/>
      <c r="CB16" s="243"/>
      <c r="CC16" s="243"/>
      <c r="CD16" s="243"/>
      <c r="CE16" s="243"/>
      <c r="CF16" s="243"/>
      <c r="CG16" s="243"/>
      <c r="CH16" s="243"/>
      <c r="CI16" s="243">
        <v>0</v>
      </c>
      <c r="CJ16" s="243">
        <v>1</v>
      </c>
      <c r="CK16" s="243">
        <v>1</v>
      </c>
      <c r="CL16" s="243">
        <v>1</v>
      </c>
      <c r="CM16" s="243">
        <v>1</v>
      </c>
      <c r="CN16" s="243">
        <v>1</v>
      </c>
      <c r="CO16" s="243">
        <v>1</v>
      </c>
      <c r="CP16" s="243"/>
      <c r="CQ16" s="243"/>
      <c r="CR16" s="243"/>
      <c r="CS16" s="243"/>
      <c r="CT16" s="243"/>
      <c r="CU16" s="243"/>
      <c r="CV16" s="243"/>
    </row>
    <row r="17" spans="1:101" x14ac:dyDescent="0.35">
      <c r="A17" s="240"/>
      <c r="B17" s="292"/>
      <c r="C17" s="241" t="s">
        <v>2477</v>
      </c>
      <c r="D17" s="242">
        <v>6.1718169764081315E-3</v>
      </c>
      <c r="E17" s="243"/>
      <c r="F17" s="243"/>
      <c r="G17" s="243"/>
      <c r="H17" s="243"/>
      <c r="I17" s="243"/>
      <c r="J17" s="243"/>
      <c r="K17" s="243"/>
      <c r="L17" s="243"/>
      <c r="M17" s="243"/>
      <c r="N17" s="243"/>
      <c r="O17" s="243"/>
      <c r="P17" s="243"/>
      <c r="Q17" s="243"/>
      <c r="R17" s="243"/>
      <c r="S17" s="243"/>
      <c r="T17" s="243"/>
      <c r="U17" s="243"/>
      <c r="V17" s="243"/>
      <c r="W17" s="243"/>
      <c r="X17" s="243"/>
      <c r="Y17" s="243"/>
      <c r="Z17" s="243"/>
      <c r="AA17" s="243"/>
      <c r="AB17" s="243"/>
      <c r="AC17" s="243"/>
      <c r="AD17" s="243"/>
      <c r="AE17" s="243"/>
      <c r="AF17" s="243"/>
      <c r="AG17" s="243"/>
      <c r="AH17" s="243"/>
      <c r="AI17" s="243"/>
      <c r="AJ17" s="243"/>
      <c r="AK17" s="243"/>
      <c r="AL17" s="243"/>
      <c r="AM17" s="243"/>
      <c r="AN17" s="243"/>
      <c r="AO17" s="243"/>
      <c r="AP17" s="243"/>
      <c r="AQ17" s="243"/>
      <c r="AR17" s="243"/>
      <c r="AS17" s="243"/>
      <c r="AT17" s="243"/>
      <c r="AU17" s="243"/>
      <c r="AV17" s="243"/>
      <c r="AW17" s="243"/>
      <c r="AX17" s="243"/>
      <c r="AY17" s="243"/>
      <c r="AZ17" s="243"/>
      <c r="BA17" s="243"/>
      <c r="BB17" s="243"/>
      <c r="BC17" s="243"/>
      <c r="BD17" s="243"/>
      <c r="BE17" s="243"/>
      <c r="BF17" s="243"/>
      <c r="BG17" s="243"/>
      <c r="BH17" s="243"/>
      <c r="BI17" s="243"/>
      <c r="BJ17" s="243"/>
      <c r="BK17" s="243"/>
      <c r="BL17" s="243"/>
      <c r="BM17" s="243"/>
      <c r="BN17" s="243"/>
      <c r="BO17" s="243"/>
      <c r="BP17" s="243"/>
      <c r="BQ17" s="243"/>
      <c r="BR17" s="243"/>
      <c r="BS17" s="243"/>
      <c r="BT17" s="243"/>
      <c r="BU17" s="243"/>
      <c r="BV17" s="243"/>
      <c r="BW17" s="243"/>
      <c r="BX17" s="243"/>
      <c r="BY17" s="243"/>
      <c r="BZ17" s="243"/>
      <c r="CA17" s="243"/>
      <c r="CB17" s="243"/>
      <c r="CC17" s="243"/>
      <c r="CD17" s="243"/>
      <c r="CE17" s="243"/>
      <c r="CF17" s="243"/>
      <c r="CG17" s="243"/>
      <c r="CH17" s="243"/>
      <c r="CI17" s="243"/>
      <c r="CJ17" s="243"/>
      <c r="CK17" s="243"/>
      <c r="CL17" s="243"/>
      <c r="CM17" s="243"/>
      <c r="CN17" s="243"/>
      <c r="CO17" s="243">
        <v>0</v>
      </c>
      <c r="CP17" s="243">
        <v>1</v>
      </c>
      <c r="CQ17" s="243"/>
      <c r="CR17" s="243"/>
      <c r="CS17" s="243"/>
      <c r="CT17" s="243"/>
      <c r="CU17" s="243"/>
      <c r="CV17" s="243"/>
    </row>
    <row r="18" spans="1:101" x14ac:dyDescent="0.35">
      <c r="A18" s="240"/>
      <c r="B18" s="292"/>
      <c r="C18" s="241" t="str">
        <f>+IF(D18="","","Equipo")</f>
        <v>Equipo</v>
      </c>
      <c r="D18" s="242">
        <v>2.2595398851057429E-2</v>
      </c>
      <c r="E18" s="243"/>
      <c r="F18" s="243"/>
      <c r="G18" s="243"/>
      <c r="H18" s="243"/>
      <c r="I18" s="243"/>
      <c r="J18" s="243"/>
      <c r="K18" s="243"/>
      <c r="L18" s="243"/>
      <c r="M18" s="243"/>
      <c r="N18" s="243"/>
      <c r="O18" s="243"/>
      <c r="P18" s="243"/>
      <c r="Q18" s="243"/>
      <c r="R18" s="243"/>
      <c r="S18" s="243"/>
      <c r="T18" s="243"/>
      <c r="U18" s="243"/>
      <c r="V18" s="243"/>
      <c r="W18" s="243"/>
      <c r="X18" s="243"/>
      <c r="Y18" s="243"/>
      <c r="Z18" s="243"/>
      <c r="AA18" s="243"/>
      <c r="AB18" s="243"/>
      <c r="AC18" s="243"/>
      <c r="AD18" s="243"/>
      <c r="AE18" s="243"/>
      <c r="AF18" s="243"/>
      <c r="AG18" s="243"/>
      <c r="AH18" s="243"/>
      <c r="AI18" s="243"/>
      <c r="AJ18" s="243"/>
      <c r="AK18" s="243"/>
      <c r="AL18" s="243"/>
      <c r="AM18" s="243"/>
      <c r="AN18" s="243"/>
      <c r="AO18" s="243"/>
      <c r="AP18" s="243"/>
      <c r="AQ18" s="243"/>
      <c r="AR18" s="243"/>
      <c r="AS18" s="243"/>
      <c r="AT18" s="243"/>
      <c r="AU18" s="243"/>
      <c r="AV18" s="243"/>
      <c r="AW18" s="243"/>
      <c r="AX18" s="243"/>
      <c r="AY18" s="243"/>
      <c r="AZ18" s="243"/>
      <c r="BA18" s="243"/>
      <c r="BB18" s="243"/>
      <c r="BC18" s="243"/>
      <c r="BD18" s="243"/>
      <c r="BE18" s="243"/>
      <c r="BF18" s="243"/>
      <c r="BG18" s="243"/>
      <c r="BH18" s="243"/>
      <c r="BI18" s="243"/>
      <c r="BJ18" s="243"/>
      <c r="BK18" s="243"/>
      <c r="BL18" s="243"/>
      <c r="BM18" s="243"/>
      <c r="BN18" s="243"/>
      <c r="BO18" s="243"/>
      <c r="BP18" s="243"/>
      <c r="BQ18" s="243"/>
      <c r="BR18" s="243"/>
      <c r="BS18" s="243"/>
      <c r="BT18" s="243"/>
      <c r="BU18" s="243"/>
      <c r="BV18" s="243"/>
      <c r="BW18" s="243"/>
      <c r="BX18" s="243"/>
      <c r="BY18" s="243"/>
      <c r="BZ18" s="243"/>
      <c r="CA18" s="243"/>
      <c r="CB18" s="243"/>
      <c r="CC18" s="243"/>
      <c r="CD18" s="243"/>
      <c r="CE18" s="243"/>
      <c r="CF18" s="243"/>
      <c r="CG18" s="243"/>
      <c r="CH18" s="243"/>
      <c r="CI18" s="243"/>
      <c r="CJ18" s="243"/>
      <c r="CK18" s="243"/>
      <c r="CL18" s="243"/>
      <c r="CM18" s="243"/>
      <c r="CN18" s="243"/>
      <c r="CO18" s="243"/>
      <c r="CP18" s="243">
        <v>0</v>
      </c>
      <c r="CQ18" s="243">
        <v>1</v>
      </c>
      <c r="CR18" s="243">
        <v>1</v>
      </c>
      <c r="CS18" s="243"/>
      <c r="CT18" s="243"/>
      <c r="CU18" s="243"/>
      <c r="CV18" s="243"/>
    </row>
    <row r="19" spans="1:101" x14ac:dyDescent="0.35">
      <c r="A19" s="240"/>
      <c r="B19" s="293"/>
      <c r="C19" s="241" t="str">
        <f>+IF(D19="","","Accesorias")</f>
        <v>Accesorias</v>
      </c>
      <c r="D19" s="242">
        <v>5.4222911532851907E-2</v>
      </c>
      <c r="E19" s="243"/>
      <c r="F19" s="243"/>
      <c r="G19" s="243"/>
      <c r="H19" s="243"/>
      <c r="I19" s="243"/>
      <c r="J19" s="243"/>
      <c r="K19" s="243"/>
      <c r="L19" s="243"/>
      <c r="M19" s="243"/>
      <c r="N19" s="243"/>
      <c r="O19" s="243"/>
      <c r="P19" s="243"/>
      <c r="Q19" s="243"/>
      <c r="R19" s="243"/>
      <c r="S19" s="243"/>
      <c r="T19" s="243"/>
      <c r="U19" s="243"/>
      <c r="V19" s="243"/>
      <c r="W19" s="243"/>
      <c r="X19" s="243"/>
      <c r="Y19" s="243"/>
      <c r="Z19" s="243"/>
      <c r="AA19" s="243"/>
      <c r="AB19" s="243"/>
      <c r="AC19" s="243"/>
      <c r="AD19" s="243"/>
      <c r="AE19" s="243"/>
      <c r="AF19" s="243"/>
      <c r="AG19" s="243"/>
      <c r="AH19" s="243"/>
      <c r="AI19" s="243"/>
      <c r="AJ19" s="243"/>
      <c r="AK19" s="243"/>
      <c r="AL19" s="243"/>
      <c r="AM19" s="243"/>
      <c r="AN19" s="243"/>
      <c r="AO19" s="243"/>
      <c r="AP19" s="243"/>
      <c r="AQ19" s="243"/>
      <c r="AR19" s="243"/>
      <c r="AS19" s="243"/>
      <c r="AT19" s="243"/>
      <c r="AU19" s="243"/>
      <c r="AV19" s="243"/>
      <c r="AW19" s="243"/>
      <c r="AX19" s="243"/>
      <c r="AY19" s="243"/>
      <c r="AZ19" s="243"/>
      <c r="BA19" s="243"/>
      <c r="BB19" s="243"/>
      <c r="BC19" s="243"/>
      <c r="BD19" s="243"/>
      <c r="BE19" s="243"/>
      <c r="BF19" s="243"/>
      <c r="BG19" s="243"/>
      <c r="BH19" s="243"/>
      <c r="BI19" s="243"/>
      <c r="BJ19" s="243"/>
      <c r="BK19" s="243"/>
      <c r="BL19" s="243"/>
      <c r="BM19" s="243"/>
      <c r="BN19" s="243"/>
      <c r="BO19" s="243"/>
      <c r="BP19" s="243"/>
      <c r="BQ19" s="243"/>
      <c r="BR19" s="243"/>
      <c r="BS19" s="243"/>
      <c r="BT19" s="243"/>
      <c r="BU19" s="243"/>
      <c r="BV19" s="243"/>
      <c r="BW19" s="243"/>
      <c r="BX19" s="243"/>
      <c r="BY19" s="243"/>
      <c r="BZ19" s="243"/>
      <c r="CA19" s="243"/>
      <c r="CB19" s="243"/>
      <c r="CC19" s="243"/>
      <c r="CD19" s="243"/>
      <c r="CE19" s="243"/>
      <c r="CF19" s="243"/>
      <c r="CG19" s="243"/>
      <c r="CH19" s="243"/>
      <c r="CI19" s="243"/>
      <c r="CJ19" s="243"/>
      <c r="CK19" s="243"/>
      <c r="CL19" s="243"/>
      <c r="CM19" s="243"/>
      <c r="CN19" s="243"/>
      <c r="CO19" s="243"/>
      <c r="CP19" s="243"/>
      <c r="CQ19" s="243"/>
      <c r="CR19" s="243">
        <v>0</v>
      </c>
      <c r="CS19" s="243">
        <v>1</v>
      </c>
      <c r="CT19" s="243">
        <v>1</v>
      </c>
      <c r="CU19" s="243">
        <v>1</v>
      </c>
      <c r="CV19" s="243">
        <v>1</v>
      </c>
    </row>
    <row r="20" spans="1:101" x14ac:dyDescent="0.35">
      <c r="E20" s="244"/>
      <c r="F20" s="244"/>
      <c r="G20" s="244"/>
      <c r="H20" s="244"/>
      <c r="I20" s="244"/>
      <c r="J20" s="244"/>
      <c r="K20" s="244"/>
      <c r="L20" s="244"/>
      <c r="M20" s="244"/>
      <c r="N20" s="244"/>
      <c r="O20" s="244"/>
      <c r="P20" s="244"/>
      <c r="Q20" s="244"/>
      <c r="R20" s="244"/>
      <c r="S20" s="244"/>
      <c r="T20" s="244"/>
      <c r="U20" s="244"/>
      <c r="V20" s="244"/>
      <c r="W20" s="244"/>
      <c r="X20" s="244"/>
      <c r="Y20" s="244"/>
      <c r="Z20" s="244"/>
      <c r="AA20" s="244"/>
      <c r="AB20" s="244"/>
      <c r="AC20" s="244"/>
      <c r="AD20" s="244"/>
      <c r="AE20" s="244"/>
      <c r="AF20" s="244"/>
      <c r="AG20" s="244"/>
      <c r="AH20" s="244"/>
      <c r="AI20" s="244"/>
      <c r="AJ20" s="244"/>
      <c r="AK20" s="244"/>
      <c r="AL20" s="244"/>
      <c r="AM20" s="244"/>
      <c r="AN20" s="244"/>
      <c r="AO20" s="244"/>
      <c r="AP20" s="244"/>
      <c r="AQ20" s="244"/>
      <c r="AR20" s="244"/>
      <c r="AS20" s="244"/>
      <c r="AT20" s="244"/>
      <c r="AU20" s="244"/>
      <c r="AV20" s="244"/>
      <c r="AW20" s="244"/>
      <c r="AX20" s="244"/>
      <c r="AY20" s="244"/>
      <c r="AZ20" s="244"/>
      <c r="BA20" s="244"/>
      <c r="BB20" s="244"/>
      <c r="BC20" s="244"/>
      <c r="BD20" s="244"/>
      <c r="BE20" s="244"/>
      <c r="BF20" s="244"/>
      <c r="BG20" s="244"/>
      <c r="CW20" s="234">
        <v>0</v>
      </c>
    </row>
    <row r="21" spans="1:101" x14ac:dyDescent="0.35">
      <c r="E21" s="244"/>
      <c r="F21" s="244"/>
      <c r="G21" s="244"/>
      <c r="H21" s="244"/>
      <c r="I21" s="244"/>
      <c r="J21" s="244"/>
      <c r="K21" s="244"/>
      <c r="L21" s="244"/>
      <c r="M21" s="244"/>
      <c r="N21" s="244"/>
      <c r="O21" s="244"/>
      <c r="P21" s="244"/>
      <c r="Q21" s="244"/>
      <c r="R21" s="244"/>
      <c r="S21" s="244"/>
      <c r="T21" s="244"/>
      <c r="U21" s="244"/>
      <c r="V21" s="244"/>
      <c r="W21" s="244"/>
      <c r="X21" s="244"/>
      <c r="Y21" s="244"/>
      <c r="Z21" s="244"/>
      <c r="AA21" s="244"/>
      <c r="AB21" s="244"/>
      <c r="AC21" s="244"/>
      <c r="AD21" s="244"/>
      <c r="AE21" s="244"/>
      <c r="AF21" s="244"/>
      <c r="AG21" s="244"/>
      <c r="AH21" s="244"/>
      <c r="AI21" s="244"/>
      <c r="AJ21" s="244"/>
      <c r="AK21" s="244"/>
      <c r="AL21" s="244"/>
      <c r="AM21" s="244"/>
      <c r="AN21" s="244"/>
      <c r="AO21" s="244"/>
      <c r="AP21" s="244"/>
      <c r="AQ21" s="244"/>
      <c r="AR21" s="244"/>
      <c r="AS21" s="244"/>
      <c r="AT21" s="244"/>
      <c r="AU21" s="244"/>
      <c r="AV21" s="244"/>
      <c r="AW21" s="244"/>
      <c r="AX21" s="244"/>
      <c r="AY21" s="244"/>
      <c r="AZ21" s="244"/>
      <c r="BA21" s="244"/>
      <c r="BB21" s="244"/>
      <c r="BC21" s="244"/>
      <c r="BD21" s="244"/>
      <c r="BE21" s="244"/>
      <c r="BF21" s="244"/>
      <c r="BG21" s="244"/>
    </row>
    <row r="22" spans="1:101" x14ac:dyDescent="0.35">
      <c r="A22" s="245"/>
      <c r="E22" s="294" t="s">
        <v>2497</v>
      </c>
      <c r="F22" s="294"/>
      <c r="G22" s="294"/>
      <c r="H22" s="294"/>
      <c r="I22" s="294" t="s">
        <v>2498</v>
      </c>
      <c r="J22" s="294"/>
      <c r="K22" s="294"/>
      <c r="L22" s="294"/>
      <c r="M22" s="294" t="s">
        <v>2499</v>
      </c>
      <c r="N22" s="294"/>
      <c r="O22" s="294"/>
      <c r="P22" s="294"/>
      <c r="Q22" s="294" t="s">
        <v>2500</v>
      </c>
      <c r="R22" s="294"/>
      <c r="S22" s="294"/>
      <c r="T22" s="294"/>
      <c r="U22" s="294" t="s">
        <v>2501</v>
      </c>
      <c r="V22" s="294"/>
      <c r="W22" s="294"/>
      <c r="X22" s="294"/>
      <c r="Y22" s="294" t="s">
        <v>2502</v>
      </c>
      <c r="Z22" s="294"/>
      <c r="AA22" s="294"/>
      <c r="AB22" s="294"/>
      <c r="AC22" s="294" t="s">
        <v>2503</v>
      </c>
      <c r="AD22" s="294"/>
      <c r="AE22" s="294"/>
      <c r="AF22" s="294"/>
      <c r="AG22" s="294" t="s">
        <v>2504</v>
      </c>
      <c r="AH22" s="294"/>
      <c r="AI22" s="294"/>
      <c r="AJ22" s="294"/>
      <c r="AK22" s="294" t="s">
        <v>2505</v>
      </c>
      <c r="AL22" s="294"/>
      <c r="AM22" s="294"/>
      <c r="AN22" s="294"/>
      <c r="AO22" s="294" t="s">
        <v>2506</v>
      </c>
      <c r="AP22" s="294"/>
      <c r="AQ22" s="294"/>
      <c r="AR22" s="294"/>
      <c r="AS22" s="294" t="s">
        <v>2507</v>
      </c>
      <c r="AT22" s="294"/>
      <c r="AU22" s="294"/>
      <c r="AV22" s="294"/>
      <c r="AW22" s="294" t="s">
        <v>2508</v>
      </c>
      <c r="AX22" s="294"/>
      <c r="AY22" s="294"/>
      <c r="AZ22" s="294"/>
      <c r="BA22" s="244"/>
      <c r="BB22" s="244"/>
      <c r="BC22" s="244"/>
      <c r="BD22" s="244"/>
      <c r="BE22" s="244"/>
      <c r="BF22" s="244"/>
      <c r="BG22" s="244"/>
    </row>
    <row r="23" spans="1:101" x14ac:dyDescent="0.35">
      <c r="A23" s="240"/>
      <c r="B23" s="291" t="str">
        <f>+B4</f>
        <v>Vivienda Alta Residencial 4</v>
      </c>
      <c r="C23" s="247" t="str">
        <f>+C4</f>
        <v>Concepto</v>
      </c>
      <c r="D23" s="247" t="str">
        <f>+D4</f>
        <v>%</v>
      </c>
      <c r="E23" s="248" t="s">
        <v>2557</v>
      </c>
      <c r="F23" s="248" t="s">
        <v>2558</v>
      </c>
      <c r="G23" s="248" t="s">
        <v>2559</v>
      </c>
      <c r="H23" s="248" t="s">
        <v>2560</v>
      </c>
      <c r="I23" s="248" t="s">
        <v>2561</v>
      </c>
      <c r="J23" s="248" t="s">
        <v>2562</v>
      </c>
      <c r="K23" s="248" t="s">
        <v>2563</v>
      </c>
      <c r="L23" s="248" t="s">
        <v>2564</v>
      </c>
      <c r="M23" s="248" t="s">
        <v>2565</v>
      </c>
      <c r="N23" s="248" t="s">
        <v>2566</v>
      </c>
      <c r="O23" s="248" t="s">
        <v>2567</v>
      </c>
      <c r="P23" s="248" t="s">
        <v>2568</v>
      </c>
      <c r="Q23" s="248" t="s">
        <v>2569</v>
      </c>
      <c r="R23" s="248" t="s">
        <v>2570</v>
      </c>
      <c r="S23" s="248" t="s">
        <v>2571</v>
      </c>
      <c r="T23" s="248" t="s">
        <v>2572</v>
      </c>
      <c r="U23" s="248" t="s">
        <v>2573</v>
      </c>
      <c r="V23" s="248" t="s">
        <v>2574</v>
      </c>
      <c r="W23" s="248" t="s">
        <v>2575</v>
      </c>
      <c r="X23" s="248" t="s">
        <v>2576</v>
      </c>
      <c r="Y23" s="248" t="s">
        <v>2577</v>
      </c>
      <c r="Z23" s="248" t="s">
        <v>2578</v>
      </c>
      <c r="AA23" s="248" t="s">
        <v>2579</v>
      </c>
      <c r="AB23" s="248" t="s">
        <v>2580</v>
      </c>
      <c r="AC23" s="248" t="s">
        <v>2581</v>
      </c>
      <c r="AD23" s="248" t="s">
        <v>2582</v>
      </c>
      <c r="AE23" s="248" t="s">
        <v>2583</v>
      </c>
      <c r="AF23" s="248" t="s">
        <v>2584</v>
      </c>
      <c r="AG23" s="248" t="s">
        <v>2585</v>
      </c>
      <c r="AH23" s="248" t="s">
        <v>2586</v>
      </c>
      <c r="AI23" s="248" t="s">
        <v>2587</v>
      </c>
      <c r="AJ23" s="248" t="s">
        <v>2588</v>
      </c>
      <c r="AK23" s="248" t="s">
        <v>2589</v>
      </c>
      <c r="AL23" s="248" t="s">
        <v>2590</v>
      </c>
      <c r="AM23" s="248" t="s">
        <v>2591</v>
      </c>
      <c r="AN23" s="248" t="s">
        <v>2592</v>
      </c>
      <c r="AO23" s="248" t="s">
        <v>2593</v>
      </c>
      <c r="AP23" s="248" t="s">
        <v>2594</v>
      </c>
      <c r="AQ23" s="248" t="s">
        <v>2595</v>
      </c>
      <c r="AR23" s="248" t="s">
        <v>2596</v>
      </c>
      <c r="AS23" s="248" t="s">
        <v>2597</v>
      </c>
      <c r="AT23" s="248" t="s">
        <v>2598</v>
      </c>
      <c r="AU23" s="248" t="s">
        <v>2599</v>
      </c>
      <c r="AV23" s="248" t="s">
        <v>2600</v>
      </c>
      <c r="AW23" s="248" t="s">
        <v>2601</v>
      </c>
      <c r="AX23" s="248" t="s">
        <v>2602</v>
      </c>
      <c r="AY23" s="248" t="s">
        <v>2603</v>
      </c>
      <c r="AZ23" s="248" t="s">
        <v>2604</v>
      </c>
    </row>
    <row r="24" spans="1:101" x14ac:dyDescent="0.35">
      <c r="A24" s="240"/>
      <c r="B24" s="292"/>
      <c r="C24" s="241" t="str">
        <f t="shared" ref="C24:D38" si="0">+C5</f>
        <v>Cimentacion</v>
      </c>
      <c r="D24" s="242">
        <f t="shared" si="0"/>
        <v>8.908656409482929E-2</v>
      </c>
      <c r="E24" s="243"/>
      <c r="F24" s="243"/>
      <c r="G24" s="243"/>
      <c r="H24" s="243"/>
      <c r="I24" s="243"/>
      <c r="J24" s="243"/>
      <c r="K24" s="243"/>
      <c r="L24" s="243"/>
      <c r="M24" s="243"/>
      <c r="N24" s="243"/>
      <c r="O24" s="243"/>
      <c r="P24" s="243"/>
      <c r="Q24" s="243"/>
      <c r="R24" s="243"/>
      <c r="S24" s="243"/>
      <c r="T24" s="243"/>
      <c r="U24" s="243"/>
      <c r="V24" s="243"/>
      <c r="W24" s="243"/>
      <c r="X24" s="243"/>
      <c r="Y24" s="243"/>
      <c r="Z24" s="243"/>
      <c r="AA24" s="243"/>
      <c r="AB24" s="243"/>
      <c r="AC24" s="243"/>
      <c r="AD24" s="243"/>
      <c r="AE24" s="243"/>
      <c r="AF24" s="243"/>
      <c r="AG24" s="243"/>
      <c r="AH24" s="243"/>
      <c r="AI24" s="243"/>
      <c r="AJ24" s="243"/>
      <c r="AK24" s="243"/>
      <c r="AL24" s="243"/>
      <c r="AM24" s="243"/>
      <c r="AN24" s="243"/>
      <c r="AO24" s="243"/>
      <c r="AP24" s="243"/>
      <c r="AQ24" s="243"/>
      <c r="AR24" s="243"/>
      <c r="AS24" s="243"/>
      <c r="AT24" s="243"/>
      <c r="AU24" s="243"/>
      <c r="AV24" s="243"/>
      <c r="AW24" s="243"/>
      <c r="AX24" s="243"/>
      <c r="AY24" s="243"/>
      <c r="AZ24" s="243"/>
    </row>
    <row r="25" spans="1:101" x14ac:dyDescent="0.35">
      <c r="A25" s="240"/>
      <c r="B25" s="292"/>
      <c r="C25" s="241" t="str">
        <f t="shared" si="0"/>
        <v>Estructura De Concreto</v>
      </c>
      <c r="D25" s="242">
        <f t="shared" si="0"/>
        <v>0.16405393791674722</v>
      </c>
      <c r="E25" s="243"/>
      <c r="F25" s="243"/>
      <c r="G25" s="243"/>
      <c r="H25" s="243"/>
      <c r="I25" s="243"/>
      <c r="J25" s="243"/>
      <c r="K25" s="243"/>
      <c r="L25" s="243"/>
      <c r="M25" s="243"/>
      <c r="N25" s="243"/>
      <c r="O25" s="243"/>
      <c r="P25" s="243"/>
      <c r="Q25" s="243"/>
      <c r="R25" s="243"/>
      <c r="S25" s="243"/>
      <c r="T25" s="243"/>
      <c r="U25" s="243"/>
      <c r="V25" s="243"/>
      <c r="W25" s="243"/>
      <c r="X25" s="243"/>
      <c r="Y25" s="243"/>
      <c r="Z25" s="243"/>
      <c r="AA25" s="243"/>
      <c r="AB25" s="243"/>
      <c r="AC25" s="243"/>
      <c r="AD25" s="243"/>
      <c r="AE25" s="243"/>
      <c r="AF25" s="243"/>
      <c r="AG25" s="243"/>
      <c r="AH25" s="243"/>
      <c r="AI25" s="243"/>
      <c r="AJ25" s="243"/>
      <c r="AK25" s="243"/>
      <c r="AL25" s="243"/>
      <c r="AM25" s="243"/>
      <c r="AN25" s="243"/>
      <c r="AO25" s="243"/>
      <c r="AP25" s="243"/>
      <c r="AQ25" s="243"/>
      <c r="AR25" s="243"/>
      <c r="AS25" s="243"/>
      <c r="AT25" s="243"/>
      <c r="AU25" s="243"/>
      <c r="AV25" s="243"/>
      <c r="AW25" s="243"/>
      <c r="AX25" s="243"/>
      <c r="AY25" s="243"/>
      <c r="AZ25" s="243"/>
    </row>
    <row r="26" spans="1:101" x14ac:dyDescent="0.35">
      <c r="A26" s="240"/>
      <c r="B26" s="292"/>
      <c r="C26" s="241" t="str">
        <f t="shared" si="0"/>
        <v>Albañileria</v>
      </c>
      <c r="D26" s="242">
        <f t="shared" si="0"/>
        <v>8.7098322189605074E-2</v>
      </c>
      <c r="E26" s="243"/>
      <c r="F26" s="243"/>
      <c r="G26" s="243"/>
      <c r="H26" s="243"/>
      <c r="I26" s="243"/>
      <c r="J26" s="243"/>
      <c r="K26" s="243"/>
      <c r="L26" s="243"/>
      <c r="M26" s="243"/>
      <c r="N26" s="243"/>
      <c r="O26" s="243"/>
      <c r="P26" s="243"/>
      <c r="Q26" s="243"/>
      <c r="R26" s="243"/>
      <c r="S26" s="243"/>
      <c r="T26" s="243"/>
      <c r="U26" s="243"/>
      <c r="V26" s="243"/>
      <c r="W26" s="243"/>
      <c r="X26" s="243"/>
      <c r="Y26" s="243"/>
      <c r="Z26" s="243"/>
      <c r="AA26" s="243"/>
      <c r="AB26" s="243"/>
      <c r="AC26" s="243"/>
      <c r="AD26" s="243"/>
      <c r="AE26" s="243"/>
      <c r="AF26" s="243"/>
      <c r="AG26" s="243"/>
      <c r="AH26" s="243"/>
      <c r="AI26" s="243"/>
      <c r="AJ26" s="243"/>
      <c r="AK26" s="243"/>
      <c r="AL26" s="243"/>
      <c r="AM26" s="243"/>
      <c r="AN26" s="243"/>
      <c r="AO26" s="243"/>
      <c r="AP26" s="243"/>
      <c r="AQ26" s="243"/>
      <c r="AR26" s="243"/>
      <c r="AS26" s="243"/>
      <c r="AT26" s="243"/>
      <c r="AU26" s="243"/>
      <c r="AV26" s="243"/>
      <c r="AW26" s="243"/>
      <c r="AX26" s="243"/>
      <c r="AY26" s="243"/>
      <c r="AZ26" s="243"/>
    </row>
    <row r="27" spans="1:101" x14ac:dyDescent="0.35">
      <c r="A27" s="240"/>
      <c r="B27" s="292"/>
      <c r="C27" s="241" t="str">
        <f t="shared" si="0"/>
        <v>Instalacion Hidraulica</v>
      </c>
      <c r="D27" s="242">
        <f t="shared" si="0"/>
        <v>1.1940689831090215E-2</v>
      </c>
      <c r="E27" s="243"/>
      <c r="F27" s="243"/>
      <c r="G27" s="243"/>
      <c r="H27" s="243"/>
      <c r="I27" s="243"/>
      <c r="J27" s="243"/>
      <c r="K27" s="243"/>
      <c r="L27" s="243"/>
      <c r="M27" s="243"/>
      <c r="N27" s="243"/>
      <c r="O27" s="243"/>
      <c r="P27" s="243"/>
      <c r="Q27" s="243"/>
      <c r="R27" s="243"/>
      <c r="S27" s="243"/>
      <c r="T27" s="243"/>
      <c r="U27" s="243"/>
      <c r="V27" s="243"/>
      <c r="W27" s="243"/>
      <c r="X27" s="243"/>
      <c r="Y27" s="243"/>
      <c r="Z27" s="243"/>
      <c r="AA27" s="243"/>
      <c r="AB27" s="243"/>
      <c r="AC27" s="243"/>
      <c r="AD27" s="243"/>
      <c r="AE27" s="243"/>
      <c r="AF27" s="243"/>
      <c r="AG27" s="243"/>
      <c r="AH27" s="243"/>
      <c r="AI27" s="243"/>
      <c r="AJ27" s="243"/>
      <c r="AK27" s="243"/>
      <c r="AL27" s="243"/>
      <c r="AM27" s="243"/>
      <c r="AN27" s="243"/>
      <c r="AO27" s="243"/>
      <c r="AP27" s="243"/>
      <c r="AQ27" s="243"/>
      <c r="AR27" s="243"/>
      <c r="AS27" s="243"/>
      <c r="AT27" s="243"/>
      <c r="AU27" s="243"/>
      <c r="AV27" s="243"/>
      <c r="AW27" s="243"/>
      <c r="AX27" s="243"/>
      <c r="AY27" s="243"/>
      <c r="AZ27" s="243"/>
    </row>
    <row r="28" spans="1:101" x14ac:dyDescent="0.35">
      <c r="A28" s="240"/>
      <c r="B28" s="292"/>
      <c r="C28" s="241" t="str">
        <f t="shared" si="0"/>
        <v>Instalacion Sanitaria</v>
      </c>
      <c r="D28" s="242">
        <f t="shared" si="0"/>
        <v>9.9749316246131991E-3</v>
      </c>
      <c r="E28" s="243"/>
      <c r="F28" s="243"/>
      <c r="G28" s="243"/>
      <c r="H28" s="243"/>
      <c r="I28" s="243"/>
      <c r="J28" s="243"/>
      <c r="K28" s="243"/>
      <c r="L28" s="243"/>
      <c r="M28" s="243"/>
      <c r="N28" s="243"/>
      <c r="O28" s="243"/>
      <c r="P28" s="243"/>
      <c r="Q28" s="243"/>
      <c r="R28" s="243"/>
      <c r="S28" s="243"/>
      <c r="T28" s="243"/>
      <c r="U28" s="243"/>
      <c r="V28" s="243"/>
      <c r="W28" s="243"/>
      <c r="X28" s="243"/>
      <c r="Y28" s="243"/>
      <c r="Z28" s="243"/>
      <c r="AA28" s="243"/>
      <c r="AB28" s="243"/>
      <c r="AC28" s="243"/>
      <c r="AD28" s="243"/>
      <c r="AE28" s="243"/>
      <c r="AF28" s="243"/>
      <c r="AG28" s="243"/>
      <c r="AH28" s="243"/>
      <c r="AI28" s="243"/>
      <c r="AJ28" s="243"/>
      <c r="AK28" s="243"/>
      <c r="AL28" s="243"/>
      <c r="AM28" s="243"/>
      <c r="AN28" s="243"/>
      <c r="AO28" s="243"/>
      <c r="AP28" s="243"/>
      <c r="AQ28" s="243"/>
      <c r="AR28" s="243"/>
      <c r="AS28" s="243"/>
      <c r="AT28" s="243"/>
      <c r="AU28" s="243"/>
      <c r="AV28" s="243"/>
      <c r="AW28" s="243"/>
      <c r="AX28" s="243"/>
      <c r="AY28" s="243"/>
      <c r="AZ28" s="243"/>
    </row>
    <row r="29" spans="1:101" x14ac:dyDescent="0.35">
      <c r="A29" s="240"/>
      <c r="B29" s="292"/>
      <c r="C29" s="241" t="str">
        <f t="shared" si="0"/>
        <v>Instalacion Electrica</v>
      </c>
      <c r="D29" s="242">
        <f t="shared" si="0"/>
        <v>1.1899048478743708E-2</v>
      </c>
      <c r="E29" s="243"/>
      <c r="F29" s="243"/>
      <c r="G29" s="243"/>
      <c r="H29" s="243"/>
      <c r="I29" s="243"/>
      <c r="J29" s="243"/>
      <c r="K29" s="243"/>
      <c r="L29" s="243"/>
      <c r="M29" s="243"/>
      <c r="N29" s="243"/>
      <c r="O29" s="243"/>
      <c r="P29" s="243"/>
      <c r="Q29" s="243"/>
      <c r="R29" s="243"/>
      <c r="S29" s="243"/>
      <c r="T29" s="243"/>
      <c r="U29" s="243"/>
      <c r="V29" s="243"/>
      <c r="W29" s="243"/>
      <c r="X29" s="243"/>
      <c r="Y29" s="243"/>
      <c r="Z29" s="243"/>
      <c r="AA29" s="243"/>
      <c r="AB29" s="243"/>
      <c r="AC29" s="243"/>
      <c r="AD29" s="243"/>
      <c r="AE29" s="243"/>
      <c r="AF29" s="243"/>
      <c r="AG29" s="243"/>
      <c r="AH29" s="243"/>
      <c r="AI29" s="243"/>
      <c r="AJ29" s="243"/>
      <c r="AK29" s="243"/>
      <c r="AL29" s="243"/>
      <c r="AM29" s="243"/>
      <c r="AN29" s="243"/>
      <c r="AO29" s="243"/>
      <c r="AP29" s="243"/>
      <c r="AQ29" s="243"/>
      <c r="AR29" s="243"/>
      <c r="AS29" s="243"/>
      <c r="AT29" s="243"/>
      <c r="AU29" s="243"/>
      <c r="AV29" s="243"/>
      <c r="AW29" s="243"/>
      <c r="AX29" s="243"/>
      <c r="AY29" s="243"/>
      <c r="AZ29" s="243"/>
    </row>
    <row r="30" spans="1:101" x14ac:dyDescent="0.35">
      <c r="A30" s="240"/>
      <c r="B30" s="292"/>
      <c r="C30" s="241" t="str">
        <f t="shared" si="0"/>
        <v>Instalacion De Gas</v>
      </c>
      <c r="D30" s="242">
        <f t="shared" si="0"/>
        <v>1.0400339818924258E-3</v>
      </c>
      <c r="E30" s="243"/>
      <c r="F30" s="243"/>
      <c r="G30" s="243"/>
      <c r="H30" s="243"/>
      <c r="I30" s="243"/>
      <c r="J30" s="243"/>
      <c r="K30" s="243"/>
      <c r="L30" s="243"/>
      <c r="M30" s="243"/>
      <c r="N30" s="243"/>
      <c r="O30" s="243"/>
      <c r="P30" s="243"/>
      <c r="Q30" s="243"/>
      <c r="R30" s="243"/>
      <c r="S30" s="243"/>
      <c r="T30" s="243"/>
      <c r="U30" s="243"/>
      <c r="V30" s="243"/>
      <c r="W30" s="243"/>
      <c r="X30" s="243"/>
      <c r="Y30" s="243"/>
      <c r="Z30" s="243"/>
      <c r="AA30" s="243"/>
      <c r="AB30" s="243"/>
      <c r="AC30" s="243"/>
      <c r="AD30" s="243"/>
      <c r="AE30" s="243"/>
      <c r="AF30" s="243"/>
      <c r="AG30" s="243"/>
      <c r="AH30" s="243"/>
      <c r="AI30" s="243"/>
      <c r="AJ30" s="243"/>
      <c r="AK30" s="243"/>
      <c r="AL30" s="243"/>
      <c r="AM30" s="243"/>
      <c r="AN30" s="243"/>
      <c r="AO30" s="243"/>
      <c r="AP30" s="243"/>
      <c r="AQ30" s="243"/>
      <c r="AR30" s="243"/>
      <c r="AS30" s="243"/>
      <c r="AT30" s="243"/>
      <c r="AU30" s="243"/>
      <c r="AV30" s="243"/>
      <c r="AW30" s="243"/>
      <c r="AX30" s="243"/>
      <c r="AY30" s="243"/>
      <c r="AZ30" s="243"/>
    </row>
    <row r="31" spans="1:101" x14ac:dyDescent="0.35">
      <c r="A31" s="240"/>
      <c r="B31" s="292"/>
      <c r="C31" s="241" t="str">
        <f t="shared" si="0"/>
        <v>Acabados Interiores</v>
      </c>
      <c r="D31" s="242">
        <f t="shared" si="0"/>
        <v>0.34333385066052607</v>
      </c>
      <c r="E31" s="243">
        <v>1</v>
      </c>
      <c r="F31" s="243">
        <v>1</v>
      </c>
      <c r="G31" s="243">
        <v>1</v>
      </c>
      <c r="H31" s="243">
        <v>1</v>
      </c>
      <c r="I31" s="243">
        <v>1</v>
      </c>
      <c r="J31" s="243">
        <v>1</v>
      </c>
      <c r="K31" s="243">
        <v>1</v>
      </c>
      <c r="L31" s="243">
        <v>1</v>
      </c>
      <c r="M31" s="243">
        <v>1</v>
      </c>
      <c r="N31" s="243">
        <v>1</v>
      </c>
      <c r="O31" s="243">
        <v>1</v>
      </c>
      <c r="P31" s="243">
        <v>1</v>
      </c>
      <c r="Q31" s="243">
        <v>1</v>
      </c>
      <c r="R31" s="243">
        <v>1</v>
      </c>
      <c r="S31" s="243">
        <v>1</v>
      </c>
      <c r="T31" s="243">
        <v>1</v>
      </c>
      <c r="U31" s="243">
        <v>1</v>
      </c>
      <c r="V31" s="243">
        <v>1</v>
      </c>
      <c r="W31" s="243">
        <v>1</v>
      </c>
      <c r="X31" s="243">
        <v>1</v>
      </c>
      <c r="Y31" s="243">
        <v>1</v>
      </c>
      <c r="Z31" s="243">
        <v>1</v>
      </c>
      <c r="AA31" s="243"/>
      <c r="AB31" s="243"/>
      <c r="AC31" s="243"/>
      <c r="AD31" s="243"/>
      <c r="AE31" s="243"/>
      <c r="AF31" s="243"/>
      <c r="AG31" s="243"/>
      <c r="AH31" s="243"/>
      <c r="AI31" s="243"/>
      <c r="AJ31" s="243"/>
      <c r="AK31" s="243"/>
      <c r="AL31" s="243"/>
      <c r="AM31" s="243"/>
      <c r="AN31" s="243"/>
      <c r="AO31" s="243"/>
      <c r="AP31" s="243"/>
      <c r="AQ31" s="243"/>
      <c r="AR31" s="243"/>
      <c r="AS31" s="243"/>
      <c r="AT31" s="243"/>
      <c r="AU31" s="243"/>
      <c r="AV31" s="243"/>
      <c r="AW31" s="243"/>
      <c r="AX31" s="243"/>
      <c r="AY31" s="243"/>
      <c r="AZ31" s="243"/>
    </row>
    <row r="32" spans="1:101" x14ac:dyDescent="0.35">
      <c r="A32" s="240"/>
      <c r="B32" s="292"/>
      <c r="C32" s="241" t="str">
        <f t="shared" si="0"/>
        <v>Acabados Exteriores</v>
      </c>
      <c r="D32" s="242">
        <f t="shared" si="0"/>
        <v>8.3135332790740479E-2</v>
      </c>
      <c r="E32" s="243"/>
      <c r="F32" s="243"/>
      <c r="G32" s="243"/>
      <c r="H32" s="243"/>
      <c r="I32" s="243"/>
      <c r="J32" s="243"/>
      <c r="K32" s="243"/>
      <c r="L32" s="243"/>
      <c r="M32" s="243"/>
      <c r="N32" s="243"/>
      <c r="O32" s="243"/>
      <c r="P32" s="243"/>
      <c r="Q32" s="243"/>
      <c r="R32" s="243"/>
      <c r="S32" s="243"/>
      <c r="T32" s="243"/>
      <c r="U32" s="243"/>
      <c r="V32" s="243"/>
      <c r="W32" s="243"/>
      <c r="X32" s="243"/>
      <c r="Y32" s="243"/>
      <c r="Z32" s="243">
        <v>0</v>
      </c>
      <c r="AA32" s="243">
        <v>1</v>
      </c>
      <c r="AB32" s="243">
        <v>1</v>
      </c>
      <c r="AC32" s="243">
        <v>1</v>
      </c>
      <c r="AD32" s="243">
        <v>1</v>
      </c>
      <c r="AE32" s="243">
        <v>1</v>
      </c>
      <c r="AF32" s="243">
        <v>1</v>
      </c>
      <c r="AG32" s="243">
        <v>1</v>
      </c>
      <c r="AH32" s="243">
        <v>1</v>
      </c>
      <c r="AI32" s="243"/>
      <c r="AJ32" s="243"/>
      <c r="AK32" s="243"/>
      <c r="AL32" s="243"/>
      <c r="AM32" s="243"/>
      <c r="AN32" s="243"/>
      <c r="AO32" s="243"/>
      <c r="AP32" s="243"/>
      <c r="AQ32" s="243"/>
      <c r="AR32" s="243"/>
      <c r="AS32" s="243"/>
      <c r="AT32" s="243"/>
      <c r="AU32" s="243"/>
      <c r="AV32" s="243"/>
      <c r="AW32" s="243"/>
      <c r="AX32" s="243"/>
      <c r="AY32" s="243"/>
      <c r="AZ32" s="243"/>
    </row>
    <row r="33" spans="1:52" x14ac:dyDescent="0.35">
      <c r="A33" s="240"/>
      <c r="B33" s="292"/>
      <c r="C33" s="241" t="str">
        <f t="shared" si="0"/>
        <v>Accesos</v>
      </c>
      <c r="D33" s="242">
        <f t="shared" si="0"/>
        <v>2.0699614946185826E-2</v>
      </c>
      <c r="E33" s="243"/>
      <c r="F33" s="243"/>
      <c r="G33" s="243"/>
      <c r="H33" s="243"/>
      <c r="I33" s="243"/>
      <c r="J33" s="243"/>
      <c r="K33" s="243"/>
      <c r="L33" s="243"/>
      <c r="M33" s="243"/>
      <c r="N33" s="243"/>
      <c r="O33" s="243"/>
      <c r="P33" s="243"/>
      <c r="Q33" s="243"/>
      <c r="R33" s="243"/>
      <c r="S33" s="243"/>
      <c r="T33" s="243"/>
      <c r="U33" s="243"/>
      <c r="V33" s="243"/>
      <c r="W33" s="243"/>
      <c r="X33" s="243"/>
      <c r="Y33" s="243"/>
      <c r="Z33" s="243"/>
      <c r="AA33" s="243"/>
      <c r="AB33" s="243"/>
      <c r="AC33" s="243"/>
      <c r="AD33" s="243"/>
      <c r="AE33" s="243"/>
      <c r="AF33" s="243"/>
      <c r="AG33" s="243"/>
      <c r="AH33" s="243">
        <v>0</v>
      </c>
      <c r="AI33" s="243">
        <v>1</v>
      </c>
      <c r="AJ33" s="243">
        <v>1</v>
      </c>
      <c r="AK33" s="243"/>
      <c r="AL33" s="243"/>
      <c r="AM33" s="243"/>
      <c r="AN33" s="243"/>
      <c r="AO33" s="243"/>
      <c r="AP33" s="243"/>
      <c r="AQ33" s="243"/>
      <c r="AR33" s="243"/>
      <c r="AS33" s="243"/>
      <c r="AT33" s="243"/>
      <c r="AU33" s="243"/>
      <c r="AV33" s="243"/>
      <c r="AW33" s="243"/>
      <c r="AX33" s="243"/>
      <c r="AY33" s="243"/>
      <c r="AZ33" s="243"/>
    </row>
    <row r="34" spans="1:52" x14ac:dyDescent="0.35">
      <c r="A34" s="240"/>
      <c r="B34" s="292"/>
      <c r="C34" s="241" t="str">
        <f t="shared" si="0"/>
        <v>Canceleria</v>
      </c>
      <c r="D34" s="242">
        <f t="shared" si="0"/>
        <v>3.4141592254777996E-2</v>
      </c>
      <c r="E34" s="243"/>
      <c r="F34" s="243"/>
      <c r="G34" s="243"/>
      <c r="H34" s="243"/>
      <c r="I34" s="243"/>
      <c r="J34" s="243"/>
      <c r="K34" s="243"/>
      <c r="L34" s="243"/>
      <c r="M34" s="243"/>
      <c r="N34" s="243"/>
      <c r="O34" s="243"/>
      <c r="P34" s="243"/>
      <c r="Q34" s="243"/>
      <c r="R34" s="243"/>
      <c r="S34" s="243"/>
      <c r="T34" s="243"/>
      <c r="U34" s="243"/>
      <c r="V34" s="243"/>
      <c r="W34" s="243"/>
      <c r="X34" s="243"/>
      <c r="Y34" s="243"/>
      <c r="Z34" s="243"/>
      <c r="AA34" s="243"/>
      <c r="AB34" s="243"/>
      <c r="AC34" s="243"/>
      <c r="AD34" s="243"/>
      <c r="AE34" s="243"/>
      <c r="AF34" s="243"/>
      <c r="AG34" s="243"/>
      <c r="AH34" s="243"/>
      <c r="AI34" s="243"/>
      <c r="AJ34" s="243">
        <v>0</v>
      </c>
      <c r="AK34" s="243">
        <v>1</v>
      </c>
      <c r="AL34" s="243">
        <v>1</v>
      </c>
      <c r="AM34" s="243">
        <v>1</v>
      </c>
      <c r="AN34" s="243"/>
      <c r="AO34" s="243"/>
      <c r="AP34" s="243"/>
      <c r="AQ34" s="243"/>
      <c r="AR34" s="243"/>
      <c r="AS34" s="243"/>
      <c r="AT34" s="243"/>
      <c r="AU34" s="243"/>
      <c r="AV34" s="243"/>
      <c r="AW34" s="243"/>
      <c r="AX34" s="243"/>
      <c r="AY34" s="243"/>
      <c r="AZ34" s="243"/>
    </row>
    <row r="35" spans="1:52" x14ac:dyDescent="0.35">
      <c r="A35" s="240"/>
      <c r="B35" s="292"/>
      <c r="C35" s="241" t="str">
        <f t="shared" si="0"/>
        <v>Mobiliario Fijo</v>
      </c>
      <c r="D35" s="242">
        <f t="shared" si="0"/>
        <v>5.7770934058057694E-2</v>
      </c>
      <c r="E35" s="243"/>
      <c r="F35" s="243"/>
      <c r="G35" s="243"/>
      <c r="H35" s="243"/>
      <c r="I35" s="243"/>
      <c r="J35" s="243"/>
      <c r="K35" s="243"/>
      <c r="L35" s="243"/>
      <c r="M35" s="243"/>
      <c r="N35" s="243"/>
      <c r="O35" s="243"/>
      <c r="P35" s="243"/>
      <c r="Q35" s="243"/>
      <c r="R35" s="243"/>
      <c r="S35" s="243"/>
      <c r="T35" s="243"/>
      <c r="U35" s="243"/>
      <c r="V35" s="243"/>
      <c r="W35" s="243"/>
      <c r="X35" s="243"/>
      <c r="Y35" s="243"/>
      <c r="Z35" s="243"/>
      <c r="AA35" s="243"/>
      <c r="AB35" s="243"/>
      <c r="AC35" s="243"/>
      <c r="AD35" s="243"/>
      <c r="AE35" s="243"/>
      <c r="AF35" s="243"/>
      <c r="AG35" s="243"/>
      <c r="AH35" s="243"/>
      <c r="AI35" s="243"/>
      <c r="AJ35" s="243"/>
      <c r="AK35" s="243"/>
      <c r="AL35" s="243"/>
      <c r="AM35" s="243">
        <v>0</v>
      </c>
      <c r="AN35" s="243">
        <v>1</v>
      </c>
      <c r="AO35" s="243">
        <v>1</v>
      </c>
      <c r="AP35" s="243">
        <v>1</v>
      </c>
      <c r="AQ35" s="243">
        <v>1</v>
      </c>
      <c r="AR35" s="243">
        <v>1</v>
      </c>
      <c r="AS35" s="243">
        <v>1</v>
      </c>
      <c r="AT35" s="243"/>
      <c r="AU35" s="243"/>
      <c r="AV35" s="243"/>
      <c r="AW35" s="243"/>
      <c r="AX35" s="243"/>
      <c r="AY35" s="243"/>
      <c r="AZ35" s="243"/>
    </row>
    <row r="36" spans="1:52" x14ac:dyDescent="0.35">
      <c r="A36" s="240"/>
      <c r="B36" s="292"/>
      <c r="C36" s="241" t="str">
        <f t="shared" si="0"/>
        <v>Guarda</v>
      </c>
      <c r="D36" s="242">
        <f t="shared" si="0"/>
        <v>6.1718169764081315E-3</v>
      </c>
      <c r="E36" s="243"/>
      <c r="F36" s="243"/>
      <c r="G36" s="243"/>
      <c r="H36" s="243"/>
      <c r="I36" s="243"/>
      <c r="J36" s="243"/>
      <c r="K36" s="243"/>
      <c r="L36" s="243"/>
      <c r="M36" s="243"/>
      <c r="N36" s="243"/>
      <c r="O36" s="243"/>
      <c r="P36" s="243"/>
      <c r="Q36" s="243"/>
      <c r="R36" s="243"/>
      <c r="S36" s="243"/>
      <c r="T36" s="243"/>
      <c r="U36" s="243"/>
      <c r="V36" s="243"/>
      <c r="W36" s="243"/>
      <c r="X36" s="243"/>
      <c r="Y36" s="243"/>
      <c r="Z36" s="243"/>
      <c r="AA36" s="243"/>
      <c r="AB36" s="243"/>
      <c r="AC36" s="243"/>
      <c r="AD36" s="243"/>
      <c r="AE36" s="243"/>
      <c r="AF36" s="243"/>
      <c r="AG36" s="243"/>
      <c r="AH36" s="243"/>
      <c r="AI36" s="243"/>
      <c r="AJ36" s="243"/>
      <c r="AK36" s="243"/>
      <c r="AL36" s="243"/>
      <c r="AM36" s="243"/>
      <c r="AN36" s="243"/>
      <c r="AO36" s="243"/>
      <c r="AP36" s="243"/>
      <c r="AQ36" s="243"/>
      <c r="AR36" s="243"/>
      <c r="AS36" s="243">
        <v>0</v>
      </c>
      <c r="AT36" s="243">
        <v>1</v>
      </c>
      <c r="AU36" s="243"/>
      <c r="AV36" s="243"/>
      <c r="AW36" s="243"/>
      <c r="AX36" s="243"/>
      <c r="AY36" s="243"/>
      <c r="AZ36" s="243"/>
    </row>
    <row r="37" spans="1:52" x14ac:dyDescent="0.35">
      <c r="A37" s="240"/>
      <c r="B37" s="292"/>
      <c r="C37" s="241" t="str">
        <f t="shared" si="0"/>
        <v>Equipo</v>
      </c>
      <c r="D37" s="242">
        <f t="shared" ref="D37" si="1">+D18</f>
        <v>2.2595398851057429E-2</v>
      </c>
      <c r="E37" s="243"/>
      <c r="F37" s="243"/>
      <c r="G37" s="243"/>
      <c r="H37" s="243"/>
      <c r="I37" s="243"/>
      <c r="J37" s="243"/>
      <c r="K37" s="243"/>
      <c r="L37" s="243"/>
      <c r="M37" s="243"/>
      <c r="N37" s="243"/>
      <c r="O37" s="243"/>
      <c r="P37" s="243"/>
      <c r="Q37" s="243"/>
      <c r="R37" s="243"/>
      <c r="S37" s="243"/>
      <c r="T37" s="243"/>
      <c r="U37" s="243"/>
      <c r="V37" s="243"/>
      <c r="W37" s="243"/>
      <c r="X37" s="243"/>
      <c r="Y37" s="243"/>
      <c r="Z37" s="243"/>
      <c r="AA37" s="243"/>
      <c r="AB37" s="243"/>
      <c r="AC37" s="243"/>
      <c r="AD37" s="243"/>
      <c r="AE37" s="243"/>
      <c r="AF37" s="243"/>
      <c r="AG37" s="243"/>
      <c r="AH37" s="243"/>
      <c r="AI37" s="243"/>
      <c r="AJ37" s="243"/>
      <c r="AK37" s="243"/>
      <c r="AL37" s="243"/>
      <c r="AM37" s="243"/>
      <c r="AN37" s="243"/>
      <c r="AO37" s="243"/>
      <c r="AP37" s="243"/>
      <c r="AQ37" s="243"/>
      <c r="AR37" s="243"/>
      <c r="AS37" s="243"/>
      <c r="AT37" s="243">
        <v>0</v>
      </c>
      <c r="AU37" s="243">
        <v>1</v>
      </c>
      <c r="AV37" s="243">
        <v>1</v>
      </c>
      <c r="AW37" s="243"/>
      <c r="AX37" s="243"/>
      <c r="AY37" s="243"/>
      <c r="AZ37" s="243"/>
    </row>
    <row r="38" spans="1:52" x14ac:dyDescent="0.35">
      <c r="A38" s="240"/>
      <c r="B38" s="293"/>
      <c r="C38" s="241" t="str">
        <f t="shared" si="0"/>
        <v>Accesorias</v>
      </c>
      <c r="D38" s="242">
        <f t="shared" ref="D38" si="2">+D19</f>
        <v>5.4222911532851907E-2</v>
      </c>
      <c r="E38" s="243"/>
      <c r="F38" s="243"/>
      <c r="G38" s="243"/>
      <c r="H38" s="243"/>
      <c r="I38" s="243"/>
      <c r="J38" s="243"/>
      <c r="K38" s="243"/>
      <c r="L38" s="243"/>
      <c r="M38" s="243"/>
      <c r="N38" s="243"/>
      <c r="O38" s="243"/>
      <c r="P38" s="243"/>
      <c r="Q38" s="243"/>
      <c r="R38" s="243"/>
      <c r="S38" s="243"/>
      <c r="T38" s="243"/>
      <c r="U38" s="243"/>
      <c r="V38" s="243"/>
      <c r="W38" s="243"/>
      <c r="X38" s="243"/>
      <c r="Y38" s="243"/>
      <c r="Z38" s="243"/>
      <c r="AA38" s="243"/>
      <c r="AB38" s="243"/>
      <c r="AC38" s="243"/>
      <c r="AD38" s="243"/>
      <c r="AE38" s="243"/>
      <c r="AF38" s="243"/>
      <c r="AG38" s="243"/>
      <c r="AH38" s="243"/>
      <c r="AI38" s="243"/>
      <c r="AJ38" s="243"/>
      <c r="AK38" s="243"/>
      <c r="AL38" s="243"/>
      <c r="AM38" s="243"/>
      <c r="AN38" s="243"/>
      <c r="AO38" s="243"/>
      <c r="AP38" s="243"/>
      <c r="AQ38" s="243"/>
      <c r="AR38" s="243"/>
      <c r="AS38" s="243"/>
      <c r="AT38" s="243"/>
      <c r="AU38" s="243"/>
      <c r="AV38" s="243">
        <v>0</v>
      </c>
      <c r="AW38" s="243">
        <v>1</v>
      </c>
      <c r="AX38" s="243">
        <v>1</v>
      </c>
      <c r="AY38" s="243">
        <v>1</v>
      </c>
      <c r="AZ38" s="243">
        <v>1</v>
      </c>
    </row>
    <row r="39" spans="1:52" x14ac:dyDescent="0.35">
      <c r="A39" s="240"/>
      <c r="B39" s="240"/>
      <c r="E39" s="246"/>
      <c r="F39" s="244"/>
      <c r="G39" s="244"/>
      <c r="H39" s="244"/>
      <c r="I39" s="244"/>
      <c r="J39" s="244"/>
      <c r="K39" s="244"/>
      <c r="L39" s="244"/>
      <c r="M39" s="244"/>
      <c r="N39" s="244"/>
      <c r="O39" s="244"/>
      <c r="P39" s="244"/>
      <c r="Q39" s="244"/>
      <c r="R39" s="244"/>
      <c r="S39" s="244"/>
      <c r="T39" s="244"/>
      <c r="U39" s="244"/>
      <c r="V39" s="244"/>
      <c r="W39" s="244"/>
      <c r="X39" s="244"/>
      <c r="Y39" s="244"/>
      <c r="Z39" s="244"/>
      <c r="AA39" s="244"/>
      <c r="AB39" s="244"/>
      <c r="AC39" s="244"/>
      <c r="AD39" s="244"/>
      <c r="AE39" s="244"/>
      <c r="AF39" s="244"/>
      <c r="AG39" s="244"/>
      <c r="AH39" s="244"/>
      <c r="AI39" s="244"/>
      <c r="AJ39" s="244"/>
      <c r="AK39" s="244"/>
      <c r="AL39" s="244"/>
      <c r="AM39" s="244"/>
      <c r="AN39" s="244"/>
      <c r="AO39" s="244"/>
      <c r="AP39" s="244"/>
      <c r="AQ39" s="244"/>
      <c r="AR39" s="244"/>
      <c r="AS39" s="244"/>
      <c r="AT39" s="244"/>
      <c r="AU39" s="244"/>
      <c r="AV39" s="244"/>
      <c r="AW39" s="244"/>
      <c r="AX39" s="244"/>
      <c r="AY39" s="244"/>
      <c r="AZ39" s="244"/>
    </row>
    <row r="40" spans="1:52" x14ac:dyDescent="0.35">
      <c r="E40" s="246"/>
      <c r="F40" s="244"/>
      <c r="G40" s="244"/>
      <c r="H40" s="244"/>
      <c r="I40" s="244"/>
      <c r="J40" s="244"/>
      <c r="K40" s="244"/>
      <c r="L40" s="244"/>
      <c r="M40" s="244"/>
      <c r="N40" s="244"/>
      <c r="O40" s="244"/>
      <c r="P40" s="244"/>
      <c r="Q40" s="244"/>
      <c r="R40" s="244"/>
      <c r="S40" s="244"/>
      <c r="T40" s="244"/>
      <c r="U40" s="244"/>
      <c r="V40" s="244"/>
      <c r="W40" s="244"/>
      <c r="X40" s="244"/>
      <c r="Y40" s="244"/>
      <c r="Z40" s="244"/>
      <c r="AA40" s="244"/>
      <c r="AB40" s="244"/>
      <c r="AC40" s="244"/>
      <c r="AD40" s="244"/>
      <c r="AE40" s="244"/>
      <c r="AF40" s="244"/>
      <c r="AG40" s="244"/>
      <c r="AH40" s="244"/>
      <c r="AI40" s="244"/>
      <c r="AJ40" s="244"/>
      <c r="AK40" s="244"/>
      <c r="AL40" s="244"/>
      <c r="AM40" s="244"/>
      <c r="AN40" s="244"/>
      <c r="AO40" s="244"/>
      <c r="AP40" s="244"/>
      <c r="AQ40" s="244"/>
      <c r="AR40" s="244"/>
      <c r="AS40" s="244"/>
      <c r="AT40" s="244"/>
      <c r="AU40" s="244"/>
      <c r="AV40" s="244"/>
      <c r="AW40" s="244"/>
      <c r="AX40" s="244"/>
      <c r="AY40" s="244"/>
      <c r="AZ40" s="244"/>
    </row>
    <row r="41" spans="1:52" ht="18" x14ac:dyDescent="0.35">
      <c r="B41" s="192" t="s">
        <v>2618</v>
      </c>
      <c r="C41" s="185"/>
      <c r="D41" s="185"/>
      <c r="E41" s="290">
        <f ca="1">TODAY()</f>
        <v>44624</v>
      </c>
      <c r="F41" s="290"/>
      <c r="G41" s="290"/>
      <c r="H41" s="290"/>
      <c r="I41" s="290"/>
      <c r="J41" s="290"/>
      <c r="K41" s="290"/>
      <c r="L41" s="290"/>
      <c r="M41" s="290"/>
      <c r="N41" s="290"/>
      <c r="O41" s="244"/>
      <c r="P41" s="244"/>
      <c r="Q41" s="244"/>
      <c r="R41" s="244"/>
      <c r="S41" s="244"/>
      <c r="T41" s="244"/>
      <c r="U41" s="244"/>
      <c r="V41" s="244"/>
      <c r="W41" s="244"/>
      <c r="X41" s="244"/>
      <c r="Y41" s="244"/>
      <c r="Z41" s="244"/>
      <c r="AA41" s="244"/>
      <c r="AB41" s="244"/>
      <c r="AC41" s="244"/>
      <c r="AD41" s="244"/>
      <c r="AE41" s="244"/>
      <c r="AF41" s="244"/>
      <c r="AG41" s="244"/>
      <c r="AH41" s="244"/>
      <c r="AI41" s="244"/>
      <c r="AJ41" s="244"/>
      <c r="AK41" s="244"/>
      <c r="AL41" s="244"/>
      <c r="AM41" s="244"/>
      <c r="AN41" s="244"/>
      <c r="AO41" s="244"/>
      <c r="AP41" s="244"/>
      <c r="AQ41" s="244"/>
      <c r="AR41" s="244"/>
      <c r="AS41" s="244"/>
      <c r="AT41" s="244"/>
      <c r="AU41" s="244"/>
      <c r="AV41" s="244"/>
      <c r="AW41" s="244"/>
      <c r="AX41" s="244"/>
      <c r="AY41" s="244"/>
      <c r="AZ41" s="244"/>
    </row>
    <row r="42" spans="1:52" ht="14.5" x14ac:dyDescent="0.35">
      <c r="B42" s="249"/>
      <c r="C42" s="162"/>
      <c r="D42" s="162"/>
      <c r="E42" s="162"/>
      <c r="F42" s="162"/>
      <c r="G42" s="162"/>
      <c r="H42" s="250"/>
      <c r="I42" s="251"/>
      <c r="J42" s="251"/>
      <c r="K42" s="251"/>
      <c r="L42" s="251"/>
      <c r="M42" s="251"/>
      <c r="N42" s="252"/>
      <c r="O42" s="244"/>
      <c r="P42" s="244"/>
      <c r="Q42" s="244"/>
      <c r="R42" s="244"/>
      <c r="S42" s="244"/>
      <c r="T42" s="244"/>
      <c r="U42" s="244"/>
      <c r="V42" s="244"/>
      <c r="W42" s="244"/>
      <c r="X42" s="244"/>
      <c r="Y42" s="244"/>
      <c r="Z42" s="244"/>
      <c r="AA42" s="244"/>
      <c r="AB42" s="244"/>
      <c r="AC42" s="244"/>
      <c r="AD42" s="244"/>
      <c r="AE42" s="244"/>
      <c r="AF42" s="244"/>
      <c r="AG42" s="244"/>
      <c r="AH42" s="244"/>
      <c r="AI42" s="244"/>
      <c r="AJ42" s="244"/>
      <c r="AK42" s="244"/>
      <c r="AL42" s="244"/>
      <c r="AM42" s="244"/>
      <c r="AN42" s="244"/>
      <c r="AO42" s="244"/>
      <c r="AP42" s="244"/>
      <c r="AQ42" s="244"/>
      <c r="AR42" s="244"/>
      <c r="AS42" s="244"/>
      <c r="AT42" s="244"/>
      <c r="AU42" s="244"/>
      <c r="AV42" s="244"/>
      <c r="AW42" s="244"/>
      <c r="AX42" s="244"/>
      <c r="AY42" s="244"/>
      <c r="AZ42" s="244"/>
    </row>
    <row r="43" spans="1:52" ht="14.5" x14ac:dyDescent="0.35">
      <c r="B43" s="144"/>
      <c r="C43" s="296" t="s">
        <v>2617</v>
      </c>
      <c r="D43" s="296"/>
      <c r="E43" s="297" t="str">
        <f>+RegistroInf!C1</f>
        <v>JESSICA</v>
      </c>
      <c r="F43" s="297"/>
      <c r="G43" s="297"/>
      <c r="H43" s="297"/>
      <c r="I43" s="297"/>
      <c r="J43" s="297"/>
      <c r="K43" s="297"/>
      <c r="L43" s="297"/>
      <c r="M43" s="297"/>
      <c r="N43" s="298"/>
      <c r="O43" s="244"/>
      <c r="P43" s="244"/>
      <c r="Q43" s="244"/>
      <c r="R43" s="244"/>
      <c r="S43" s="244"/>
      <c r="T43" s="244"/>
      <c r="U43" s="244"/>
      <c r="V43" s="244"/>
      <c r="W43" s="244"/>
      <c r="X43" s="244"/>
      <c r="Y43" s="244"/>
      <c r="Z43" s="244"/>
      <c r="AA43" s="244"/>
      <c r="AB43" s="244"/>
      <c r="AC43" s="244"/>
      <c r="AD43" s="244"/>
      <c r="AE43" s="244"/>
      <c r="AF43" s="244"/>
      <c r="AG43" s="244"/>
      <c r="AH43" s="244"/>
      <c r="AI43" s="244"/>
      <c r="AJ43" s="244"/>
      <c r="AK43" s="244"/>
      <c r="AL43" s="244"/>
      <c r="AM43" s="244"/>
      <c r="AN43" s="244"/>
      <c r="AO43" s="244"/>
      <c r="AP43" s="244"/>
      <c r="AQ43" s="244"/>
      <c r="AR43" s="244"/>
      <c r="AS43" s="244"/>
      <c r="AT43" s="244"/>
      <c r="AU43" s="244"/>
      <c r="AV43" s="244"/>
      <c r="AW43" s="244"/>
      <c r="AX43" s="244"/>
      <c r="AY43" s="244"/>
      <c r="AZ43" s="244"/>
    </row>
    <row r="44" spans="1:52" ht="14.5" x14ac:dyDescent="0.35">
      <c r="B44" s="144"/>
      <c r="C44" s="121"/>
      <c r="D44" s="121"/>
      <c r="E44" s="117"/>
      <c r="F44" s="117"/>
      <c r="G44" s="117"/>
      <c r="H44" s="115"/>
      <c r="I44" s="253"/>
      <c r="J44" s="253"/>
      <c r="K44" s="253"/>
      <c r="L44" s="253"/>
      <c r="M44" s="253"/>
      <c r="N44" s="254"/>
    </row>
    <row r="45" spans="1:52" ht="14.5" customHeight="1" x14ac:dyDescent="0.35">
      <c r="B45" s="144"/>
      <c r="C45" s="296" t="s">
        <v>2610</v>
      </c>
      <c r="D45" s="296"/>
      <c r="E45" s="300" t="str">
        <f>+RegistroInf!C2</f>
        <v>5 DE MAYO</v>
      </c>
      <c r="F45" s="300"/>
      <c r="G45" s="300"/>
      <c r="H45" s="300"/>
      <c r="I45" s="300"/>
      <c r="J45" s="300"/>
      <c r="K45" s="300"/>
      <c r="L45" s="300"/>
      <c r="M45" s="300"/>
      <c r="N45" s="301"/>
    </row>
    <row r="46" spans="1:52" ht="14.5" x14ac:dyDescent="0.35">
      <c r="B46" s="144"/>
      <c r="C46" s="296"/>
      <c r="D46" s="296"/>
      <c r="E46" s="300"/>
      <c r="F46" s="300"/>
      <c r="G46" s="300"/>
      <c r="H46" s="300"/>
      <c r="I46" s="300"/>
      <c r="J46" s="300"/>
      <c r="K46" s="300"/>
      <c r="L46" s="300"/>
      <c r="M46" s="300"/>
      <c r="N46" s="301"/>
    </row>
    <row r="47" spans="1:52" ht="14.5" x14ac:dyDescent="0.35">
      <c r="B47" s="144"/>
      <c r="C47" s="121"/>
      <c r="D47" s="121"/>
      <c r="E47" s="117"/>
      <c r="F47" s="117"/>
      <c r="G47" s="117"/>
      <c r="H47" s="115"/>
      <c r="I47" s="253"/>
      <c r="J47" s="253"/>
      <c r="K47" s="253"/>
      <c r="L47" s="253"/>
      <c r="M47" s="253"/>
      <c r="N47" s="254"/>
    </row>
    <row r="48" spans="1:52" ht="14.5" x14ac:dyDescent="0.35">
      <c r="B48" s="144"/>
      <c r="C48" s="296" t="s">
        <v>2612</v>
      </c>
      <c r="D48" s="296"/>
      <c r="E48" s="297" t="str">
        <f>+RegistroInf!C4</f>
        <v>Chiapas</v>
      </c>
      <c r="F48" s="297"/>
      <c r="G48" s="297"/>
      <c r="H48" s="297"/>
      <c r="I48" s="297"/>
      <c r="J48" s="297"/>
      <c r="K48" s="297"/>
      <c r="L48" s="297"/>
      <c r="M48" s="297"/>
      <c r="N48" s="298"/>
    </row>
    <row r="49" spans="2:14" ht="14.5" x14ac:dyDescent="0.35">
      <c r="B49" s="144"/>
      <c r="C49" s="121"/>
      <c r="D49" s="121"/>
      <c r="E49" s="117"/>
      <c r="F49" s="117"/>
      <c r="G49" s="117"/>
      <c r="H49" s="115"/>
      <c r="I49" s="253"/>
      <c r="J49" s="253"/>
      <c r="K49" s="253"/>
      <c r="L49" s="253"/>
      <c r="M49" s="253"/>
      <c r="N49" s="254"/>
    </row>
    <row r="50" spans="2:14" ht="14.5" x14ac:dyDescent="0.35">
      <c r="B50" s="144"/>
      <c r="C50" s="296" t="s">
        <v>2613</v>
      </c>
      <c r="D50" s="296"/>
      <c r="E50" s="297" t="str">
        <f>+RegistroInf!C5</f>
        <v>Villaflores</v>
      </c>
      <c r="F50" s="297"/>
      <c r="G50" s="297"/>
      <c r="H50" s="297"/>
      <c r="I50" s="297"/>
      <c r="J50" s="297"/>
      <c r="K50" s="297"/>
      <c r="L50" s="297"/>
      <c r="M50" s="297"/>
      <c r="N50" s="298"/>
    </row>
    <row r="51" spans="2:14" ht="14.5" x14ac:dyDescent="0.35">
      <c r="B51" s="163"/>
      <c r="C51" s="200"/>
      <c r="D51" s="200"/>
      <c r="E51" s="164"/>
      <c r="F51" s="164"/>
      <c r="G51" s="164"/>
      <c r="H51" s="255"/>
      <c r="I51" s="256"/>
      <c r="J51" s="256"/>
      <c r="K51" s="256"/>
      <c r="L51" s="256"/>
      <c r="M51" s="256"/>
      <c r="N51" s="257"/>
    </row>
  </sheetData>
  <mergeCells count="48">
    <mergeCell ref="C48:D48"/>
    <mergeCell ref="C50:D50"/>
    <mergeCell ref="E48:N48"/>
    <mergeCell ref="E50:N50"/>
    <mergeCell ref="AS1:AZ1"/>
    <mergeCell ref="C43:D43"/>
    <mergeCell ref="C45:D46"/>
    <mergeCell ref="E45:N46"/>
    <mergeCell ref="E43:N43"/>
    <mergeCell ref="AK22:AN22"/>
    <mergeCell ref="AO22:AR22"/>
    <mergeCell ref="AS22:AV22"/>
    <mergeCell ref="AW22:AZ22"/>
    <mergeCell ref="Q22:T22"/>
    <mergeCell ref="U22:X22"/>
    <mergeCell ref="Y22:AB22"/>
    <mergeCell ref="AC22:AF22"/>
    <mergeCell ref="AG22:AJ22"/>
    <mergeCell ref="CG3:CJ3"/>
    <mergeCell ref="CK3:CN3"/>
    <mergeCell ref="CO3:CR3"/>
    <mergeCell ref="AS3:AV3"/>
    <mergeCell ref="AW3:AZ3"/>
    <mergeCell ref="BA3:BD3"/>
    <mergeCell ref="BE3:BH3"/>
    <mergeCell ref="BI3:BL3"/>
    <mergeCell ref="AG3:AJ3"/>
    <mergeCell ref="AK3:AN3"/>
    <mergeCell ref="AO3:AR3"/>
    <mergeCell ref="CS3:CV3"/>
    <mergeCell ref="BM3:BP3"/>
    <mergeCell ref="BQ3:BT3"/>
    <mergeCell ref="BU3:BX3"/>
    <mergeCell ref="BY3:CB3"/>
    <mergeCell ref="CC3:CF3"/>
    <mergeCell ref="B4:B19"/>
    <mergeCell ref="Y3:AB3"/>
    <mergeCell ref="AC3:AF3"/>
    <mergeCell ref="E3:H3"/>
    <mergeCell ref="I3:L3"/>
    <mergeCell ref="M3:P3"/>
    <mergeCell ref="Q3:T3"/>
    <mergeCell ref="U3:X3"/>
    <mergeCell ref="E41:N41"/>
    <mergeCell ref="B23:B38"/>
    <mergeCell ref="E22:H22"/>
    <mergeCell ref="I22:L22"/>
    <mergeCell ref="M22:P22"/>
  </mergeCells>
  <phoneticPr fontId="8" type="noConversion"/>
  <conditionalFormatting sqref="E5:CV19">
    <cfRule type="cellIs" dxfId="4" priority="27" operator="equal">
      <formula>1</formula>
    </cfRule>
  </conditionalFormatting>
  <conditionalFormatting sqref="E5:AZ19">
    <cfRule type="cellIs" dxfId="3" priority="16" operator="equal">
      <formula>0</formula>
    </cfRule>
  </conditionalFormatting>
  <conditionalFormatting sqref="BA5:CV19">
    <cfRule type="cellIs" dxfId="2" priority="13" operator="equal">
      <formula>0</formula>
    </cfRule>
  </conditionalFormatting>
  <conditionalFormatting sqref="E24:AZ38">
    <cfRule type="cellIs" dxfId="1" priority="2" operator="equal">
      <formula>1</formula>
    </cfRule>
  </conditionalFormatting>
  <conditionalFormatting sqref="E24:AZ38">
    <cfRule type="cellIs" dxfId="0" priority="1" operator="equal">
      <formula>0</formula>
    </cfRule>
  </conditionalFormatting>
  <pageMargins left="0.7" right="0.7" top="0.75" bottom="0.75" header="0.3" footer="0.3"/>
  <pageSetup scale="55" orientation="landscape" r:id="rId1"/>
  <ignoredErrors>
    <ignoredError sqref="E51:H51 F50:H50 F48:H48 E49:H49 E47:H47 E44:H44 E43:N43 E45:N46 I44:N44 E48 I47:N47 E50 I49:N49 I48:N48 I50:N5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60C8C7-491A-4DD3-90D8-938FC4026B91}">
  <sheetPr codeName="solicitudcliente">
    <pageSetUpPr fitToPage="1"/>
  </sheetPr>
  <dimension ref="A1:S120"/>
  <sheetViews>
    <sheetView showGridLines="0" zoomScale="55" zoomScaleNormal="55" workbookViewId="0">
      <selection activeCell="B2" sqref="B2:P2"/>
    </sheetView>
  </sheetViews>
  <sheetFormatPr baseColWidth="10" defaultColWidth="10.90625" defaultRowHeight="19.5" customHeight="1" x14ac:dyDescent="0.35"/>
  <cols>
    <col min="1" max="2" width="2.54296875" style="113" customWidth="1"/>
    <col min="3" max="7" width="15.1796875" style="113" customWidth="1"/>
    <col min="8" max="9" width="2.54296875" style="113" customWidth="1"/>
    <col min="10" max="15" width="15.1796875" style="113" customWidth="1"/>
    <col min="16" max="17" width="2.54296875" style="113" customWidth="1"/>
    <col min="18" max="16384" width="10.90625" style="113"/>
  </cols>
  <sheetData>
    <row r="1" spans="1:18" ht="19.5" customHeight="1" thickTop="1" x14ac:dyDescent="0.35">
      <c r="A1" s="178"/>
      <c r="B1" s="179"/>
      <c r="C1" s="179"/>
      <c r="D1" s="179"/>
      <c r="E1" s="179"/>
      <c r="F1" s="179"/>
      <c r="G1" s="179"/>
      <c r="H1" s="179"/>
      <c r="I1" s="179"/>
      <c r="J1" s="179"/>
      <c r="K1" s="179"/>
      <c r="L1" s="179"/>
      <c r="M1" s="179"/>
      <c r="N1" s="179"/>
      <c r="O1" s="179"/>
      <c r="P1" s="180"/>
      <c r="Q1" s="181"/>
    </row>
    <row r="2" spans="1:18" ht="19.5" customHeight="1" x14ac:dyDescent="0.35">
      <c r="A2" s="182"/>
      <c r="B2" s="319" t="s">
        <v>2605</v>
      </c>
      <c r="C2" s="319"/>
      <c r="D2" s="319"/>
      <c r="E2" s="319"/>
      <c r="F2" s="319"/>
      <c r="G2" s="319"/>
      <c r="H2" s="319"/>
      <c r="I2" s="319"/>
      <c r="J2" s="319"/>
      <c r="K2" s="319"/>
      <c r="L2" s="319"/>
      <c r="M2" s="319"/>
      <c r="N2" s="319"/>
      <c r="O2" s="319"/>
      <c r="P2" s="319"/>
      <c r="Q2" s="183"/>
    </row>
    <row r="3" spans="1:18" ht="19.5" customHeight="1" x14ac:dyDescent="0.35">
      <c r="A3" s="182"/>
      <c r="B3" s="115"/>
      <c r="C3" s="115"/>
      <c r="D3" s="115"/>
      <c r="E3" s="115"/>
      <c r="F3" s="115"/>
      <c r="G3" s="115"/>
      <c r="H3" s="115"/>
      <c r="I3" s="115"/>
      <c r="J3" s="115"/>
      <c r="K3" s="115"/>
      <c r="L3" s="115"/>
      <c r="M3" s="115"/>
      <c r="N3" s="115"/>
      <c r="O3" s="115"/>
      <c r="P3" s="115"/>
      <c r="Q3" s="184"/>
      <c r="R3" s="112"/>
    </row>
    <row r="4" spans="1:18" ht="19.5" customHeight="1" x14ac:dyDescent="0.35">
      <c r="A4" s="182"/>
      <c r="B4" s="115"/>
      <c r="C4" s="115"/>
      <c r="D4" s="115"/>
      <c r="E4" s="115"/>
      <c r="F4" s="115"/>
      <c r="G4" s="115"/>
      <c r="H4" s="115"/>
      <c r="I4" s="115"/>
      <c r="J4" s="115"/>
      <c r="K4" s="115"/>
      <c r="L4" s="115"/>
      <c r="M4" s="115"/>
      <c r="N4" s="115"/>
      <c r="O4" s="115"/>
      <c r="P4" s="115"/>
      <c r="Q4" s="183"/>
    </row>
    <row r="5" spans="1:18" ht="19.5" customHeight="1" x14ac:dyDescent="0.35">
      <c r="A5" s="182"/>
      <c r="B5" s="192" t="s">
        <v>2618</v>
      </c>
      <c r="C5" s="185"/>
      <c r="D5" s="185"/>
      <c r="E5" s="117"/>
      <c r="F5" s="117"/>
      <c r="G5" s="117"/>
      <c r="H5" s="115"/>
      <c r="I5" s="115"/>
      <c r="J5" s="192" t="s">
        <v>2628</v>
      </c>
      <c r="K5" s="185"/>
      <c r="L5" s="185"/>
      <c r="M5" s="117"/>
      <c r="N5" s="117"/>
      <c r="O5" s="117"/>
      <c r="P5" s="117"/>
      <c r="Q5" s="183"/>
    </row>
    <row r="6" spans="1:18" ht="19.5" customHeight="1" x14ac:dyDescent="0.35">
      <c r="A6" s="182"/>
      <c r="B6" s="137"/>
      <c r="C6" s="149"/>
      <c r="D6" s="149"/>
      <c r="E6" s="149"/>
      <c r="F6" s="149"/>
      <c r="G6" s="149"/>
      <c r="H6" s="150"/>
      <c r="I6" s="115"/>
      <c r="J6" s="320" t="s">
        <v>2643</v>
      </c>
      <c r="K6" s="321"/>
      <c r="L6" s="321"/>
      <c r="M6" s="315" t="s">
        <v>2644</v>
      </c>
      <c r="N6" s="315"/>
      <c r="O6" s="315"/>
      <c r="P6" s="316"/>
      <c r="Q6" s="183"/>
    </row>
    <row r="7" spans="1:18" ht="19.5" customHeight="1" x14ac:dyDescent="0.35">
      <c r="A7" s="182"/>
      <c r="B7" s="140"/>
      <c r="C7" s="296" t="s">
        <v>2617</v>
      </c>
      <c r="D7" s="296"/>
      <c r="E7" s="297" t="str">
        <f>+RegistroInf!C1</f>
        <v>JESSICA</v>
      </c>
      <c r="F7" s="297"/>
      <c r="G7" s="297"/>
      <c r="H7" s="141"/>
      <c r="I7" s="116"/>
      <c r="J7" s="155"/>
      <c r="K7" s="132" t="s">
        <v>2629</v>
      </c>
      <c r="L7" s="134" t="str">
        <f>+IF(RegistroInf!M34=1,"","Si")</f>
        <v/>
      </c>
      <c r="M7" s="145"/>
      <c r="N7" s="136" t="s">
        <v>2645</v>
      </c>
      <c r="O7" s="134" t="str">
        <f>+IF(RegistroInf!M51=1,"","Si")</f>
        <v/>
      </c>
      <c r="P7" s="146"/>
      <c r="Q7" s="183"/>
    </row>
    <row r="8" spans="1:18" ht="19.5" customHeight="1" x14ac:dyDescent="0.35">
      <c r="A8" s="182"/>
      <c r="B8" s="140"/>
      <c r="C8" s="121"/>
      <c r="D8" s="121"/>
      <c r="E8" s="117"/>
      <c r="F8" s="117"/>
      <c r="G8" s="117"/>
      <c r="H8" s="141"/>
      <c r="I8" s="115"/>
      <c r="J8" s="155"/>
      <c r="K8" s="132" t="s">
        <v>2630</v>
      </c>
      <c r="L8" s="134" t="str">
        <f>+IF(RegistroInf!M35=1,"","Si")</f>
        <v/>
      </c>
      <c r="M8" s="145"/>
      <c r="N8" s="136" t="s">
        <v>2646</v>
      </c>
      <c r="O8" s="134" t="str">
        <f>+IF(RegistroInf!M52=1,"","Si")</f>
        <v/>
      </c>
      <c r="P8" s="146"/>
      <c r="Q8" s="183"/>
    </row>
    <row r="9" spans="1:18" ht="19.5" customHeight="1" x14ac:dyDescent="0.35">
      <c r="A9" s="182"/>
      <c r="B9" s="140"/>
      <c r="C9" s="296" t="s">
        <v>2610</v>
      </c>
      <c r="D9" s="296"/>
      <c r="E9" s="300" t="str">
        <f>+RegistroInf!C2</f>
        <v>5 DE MAYO</v>
      </c>
      <c r="F9" s="300"/>
      <c r="G9" s="300"/>
      <c r="H9" s="322"/>
      <c r="I9" s="115"/>
      <c r="J9" s="155"/>
      <c r="K9" s="132" t="s">
        <v>2607</v>
      </c>
      <c r="L9" s="134" t="str">
        <f>+IF(RegistroInf!M36=1,"","Si")</f>
        <v/>
      </c>
      <c r="M9" s="145"/>
      <c r="N9" s="136" t="s">
        <v>2647</v>
      </c>
      <c r="O9" s="134" t="str">
        <f>+IF(RegistroInf!M53=1,"","Si")</f>
        <v/>
      </c>
      <c r="P9" s="146"/>
      <c r="Q9" s="183"/>
    </row>
    <row r="10" spans="1:18" ht="19.5" customHeight="1" x14ac:dyDescent="0.35">
      <c r="A10" s="182"/>
      <c r="B10" s="140"/>
      <c r="C10" s="296"/>
      <c r="D10" s="296"/>
      <c r="E10" s="300"/>
      <c r="F10" s="300"/>
      <c r="G10" s="300"/>
      <c r="H10" s="322"/>
      <c r="I10" s="115"/>
      <c r="J10" s="155"/>
      <c r="K10" s="132" t="s">
        <v>2631</v>
      </c>
      <c r="L10" s="134" t="str">
        <f>+IF(RegistroInf!M37=1,"","Si")</f>
        <v/>
      </c>
      <c r="M10" s="145"/>
      <c r="N10" s="136" t="s">
        <v>2648</v>
      </c>
      <c r="O10" s="134" t="str">
        <f>+IF(RegistroInf!M54=1,"","Si")</f>
        <v/>
      </c>
      <c r="P10" s="146"/>
      <c r="Q10" s="183"/>
    </row>
    <row r="11" spans="1:18" ht="19.5" customHeight="1" x14ac:dyDescent="0.35">
      <c r="A11" s="182"/>
      <c r="B11" s="140"/>
      <c r="C11" s="121"/>
      <c r="D11" s="121"/>
      <c r="E11" s="117"/>
      <c r="F11" s="117"/>
      <c r="G11" s="117"/>
      <c r="H11" s="141"/>
      <c r="I11" s="115"/>
      <c r="J11" s="155"/>
      <c r="K11" s="132" t="s">
        <v>2632</v>
      </c>
      <c r="L11" s="134" t="str">
        <f>+IF(RegistroInf!M38=1,"","Si")</f>
        <v/>
      </c>
      <c r="M11" s="145"/>
      <c r="N11" s="136" t="s">
        <v>2649</v>
      </c>
      <c r="O11" s="134" t="str">
        <f>+IF(RegistroInf!M55=1,"","Si")</f>
        <v/>
      </c>
      <c r="P11" s="146"/>
      <c r="Q11" s="183"/>
    </row>
    <row r="12" spans="1:18" ht="19.5" customHeight="1" x14ac:dyDescent="0.35">
      <c r="A12" s="182"/>
      <c r="B12" s="140"/>
      <c r="C12" s="296" t="s">
        <v>2612</v>
      </c>
      <c r="D12" s="296"/>
      <c r="E12" s="297" t="str">
        <f>+RegistroInf!C4</f>
        <v>Chiapas</v>
      </c>
      <c r="F12" s="297"/>
      <c r="G12" s="297"/>
      <c r="H12" s="141"/>
      <c r="I12" s="115"/>
      <c r="J12" s="155"/>
      <c r="K12" s="133" t="s">
        <v>2633</v>
      </c>
      <c r="L12" s="134" t="str">
        <f>+IF(RegistroInf!M39=1,"","Si")</f>
        <v/>
      </c>
      <c r="M12" s="145"/>
      <c r="N12" s="136" t="s">
        <v>2650</v>
      </c>
      <c r="O12" s="134" t="str">
        <f>+IF(RegistroInf!M56=1,"","Si")</f>
        <v/>
      </c>
      <c r="P12" s="146"/>
      <c r="Q12" s="183"/>
    </row>
    <row r="13" spans="1:18" ht="19.5" customHeight="1" x14ac:dyDescent="0.35">
      <c r="A13" s="182"/>
      <c r="B13" s="140"/>
      <c r="C13" s="121"/>
      <c r="D13" s="121"/>
      <c r="E13" s="117"/>
      <c r="F13" s="117"/>
      <c r="G13" s="117"/>
      <c r="H13" s="141"/>
      <c r="I13" s="115"/>
      <c r="J13" s="155"/>
      <c r="K13" s="133" t="s">
        <v>2634</v>
      </c>
      <c r="L13" s="134" t="str">
        <f>+IF(RegistroInf!M40=1,"","Si")</f>
        <v/>
      </c>
      <c r="M13" s="145"/>
      <c r="N13" s="136" t="s">
        <v>2651</v>
      </c>
      <c r="O13" s="134" t="str">
        <f>+IF(RegistroInf!M57=1,"","Si")</f>
        <v/>
      </c>
      <c r="P13" s="146"/>
      <c r="Q13" s="183"/>
    </row>
    <row r="14" spans="1:18" ht="19.5" customHeight="1" x14ac:dyDescent="0.35">
      <c r="A14" s="182"/>
      <c r="B14" s="140"/>
      <c r="C14" s="296" t="s">
        <v>2613</v>
      </c>
      <c r="D14" s="296"/>
      <c r="E14" s="297" t="str">
        <f>+RegistroInf!C5</f>
        <v>Villaflores</v>
      </c>
      <c r="F14" s="297"/>
      <c r="G14" s="297"/>
      <c r="H14" s="141"/>
      <c r="I14" s="115"/>
      <c r="J14" s="155"/>
      <c r="K14" s="133" t="s">
        <v>2635</v>
      </c>
      <c r="L14" s="134" t="str">
        <f>+IF(RegistroInf!M41=1,"","Si")</f>
        <v/>
      </c>
      <c r="M14" s="145"/>
      <c r="N14" s="136" t="s">
        <v>2652</v>
      </c>
      <c r="O14" s="134" t="str">
        <f>+IF(RegistroInf!M58=1,"","Si")</f>
        <v/>
      </c>
      <c r="P14" s="146"/>
      <c r="Q14" s="183"/>
    </row>
    <row r="15" spans="1:18" ht="19.5" customHeight="1" x14ac:dyDescent="0.35">
      <c r="A15" s="182"/>
      <c r="B15" s="151"/>
      <c r="C15" s="121"/>
      <c r="D15" s="121"/>
      <c r="E15" s="117"/>
      <c r="F15" s="117"/>
      <c r="G15" s="117"/>
      <c r="H15" s="141"/>
      <c r="I15" s="115"/>
      <c r="J15" s="155"/>
      <c r="K15" s="133" t="s">
        <v>2636</v>
      </c>
      <c r="L15" s="134" t="str">
        <f>+IF(RegistroInf!M42=1,"","Si")</f>
        <v/>
      </c>
      <c r="M15" s="145"/>
      <c r="N15" s="136" t="s">
        <v>2653</v>
      </c>
      <c r="O15" s="134" t="str">
        <f>+IF(RegistroInf!M59=1,"","Si")</f>
        <v/>
      </c>
      <c r="P15" s="146"/>
      <c r="Q15" s="183"/>
    </row>
    <row r="16" spans="1:18" ht="19.5" customHeight="1" x14ac:dyDescent="0.35">
      <c r="A16" s="182"/>
      <c r="B16" s="140"/>
      <c r="C16" s="296" t="s">
        <v>2615</v>
      </c>
      <c r="D16" s="296"/>
      <c r="E16" s="121" t="str">
        <f>+RegistroInf!C3</f>
        <v>200</v>
      </c>
      <c r="F16" s="117" t="s">
        <v>2614</v>
      </c>
      <c r="G16" s="117"/>
      <c r="H16" s="141"/>
      <c r="I16" s="115"/>
      <c r="J16" s="155"/>
      <c r="K16" s="133" t="s">
        <v>2637</v>
      </c>
      <c r="L16" s="134" t="str">
        <f>+IF(RegistroInf!M43=1,"","Si")</f>
        <v>Si</v>
      </c>
      <c r="M16" s="145"/>
      <c r="N16" s="136" t="s">
        <v>2654</v>
      </c>
      <c r="O16" s="134" t="str">
        <f>+IF(RegistroInf!M60=1,"","Si")</f>
        <v/>
      </c>
      <c r="P16" s="146"/>
      <c r="Q16" s="183"/>
    </row>
    <row r="17" spans="1:17" ht="19.5" customHeight="1" x14ac:dyDescent="0.35">
      <c r="A17" s="182"/>
      <c r="B17" s="140"/>
      <c r="C17" s="121"/>
      <c r="D17" s="121"/>
      <c r="E17" s="117"/>
      <c r="F17" s="117"/>
      <c r="G17" s="117"/>
      <c r="H17" s="141"/>
      <c r="I17" s="115"/>
      <c r="J17" s="155"/>
      <c r="K17" s="133" t="s">
        <v>2638</v>
      </c>
      <c r="L17" s="134" t="str">
        <f>+IF(RegistroInf!M44=1,"","Si")</f>
        <v/>
      </c>
      <c r="M17" s="145"/>
      <c r="N17" s="117"/>
      <c r="O17" s="134"/>
      <c r="P17" s="146"/>
      <c r="Q17" s="183"/>
    </row>
    <row r="18" spans="1:17" ht="19.5" customHeight="1" x14ac:dyDescent="0.35">
      <c r="A18" s="182"/>
      <c r="B18" s="140"/>
      <c r="C18" s="296" t="s">
        <v>2616</v>
      </c>
      <c r="D18" s="296"/>
      <c r="E18" s="119" t="str">
        <f>+Diagrama!B4</f>
        <v>Vivienda Alta Residencial 4</v>
      </c>
      <c r="F18" s="120"/>
      <c r="G18" s="120"/>
      <c r="H18" s="141"/>
      <c r="I18" s="115"/>
      <c r="J18" s="155"/>
      <c r="K18" s="133" t="s">
        <v>2639</v>
      </c>
      <c r="L18" s="134" t="str">
        <f>+IF(RegistroInf!M45=1,"","Si")</f>
        <v/>
      </c>
      <c r="M18" s="145"/>
      <c r="N18" s="117"/>
      <c r="O18" s="117"/>
      <c r="P18" s="146"/>
      <c r="Q18" s="183"/>
    </row>
    <row r="19" spans="1:17" ht="19.5" customHeight="1" x14ac:dyDescent="0.35">
      <c r="A19" s="182"/>
      <c r="B19" s="140"/>
      <c r="C19" s="121"/>
      <c r="D19" s="121"/>
      <c r="E19" s="117"/>
      <c r="F19" s="117"/>
      <c r="G19" s="117"/>
      <c r="H19" s="141"/>
      <c r="I19" s="115"/>
      <c r="J19" s="155"/>
      <c r="K19" s="133" t="s">
        <v>2640</v>
      </c>
      <c r="L19" s="134" t="str">
        <f>+IF(RegistroInf!M46=1,"","Si")</f>
        <v/>
      </c>
      <c r="M19" s="145"/>
      <c r="N19" s="117"/>
      <c r="O19" s="117"/>
      <c r="P19" s="146"/>
      <c r="Q19" s="183"/>
    </row>
    <row r="20" spans="1:17" ht="19.5" customHeight="1" x14ac:dyDescent="0.35">
      <c r="A20" s="182"/>
      <c r="B20" s="151"/>
      <c r="C20" s="296" t="s">
        <v>2611</v>
      </c>
      <c r="D20" s="296"/>
      <c r="E20" s="119" t="s">
        <v>2606</v>
      </c>
      <c r="F20" s="120"/>
      <c r="G20" s="120"/>
      <c r="H20" s="139"/>
      <c r="I20" s="115"/>
      <c r="J20" s="155"/>
      <c r="K20" s="133" t="s">
        <v>2641</v>
      </c>
      <c r="L20" s="134" t="str">
        <f>+IF(RegistroInf!M47=1,"","Si")</f>
        <v/>
      </c>
      <c r="M20" s="145"/>
      <c r="N20" s="115"/>
      <c r="O20" s="115"/>
      <c r="P20" s="146"/>
      <c r="Q20" s="183"/>
    </row>
    <row r="21" spans="1:17" ht="19.5" customHeight="1" x14ac:dyDescent="0.35">
      <c r="A21" s="182"/>
      <c r="B21" s="152"/>
      <c r="C21" s="153"/>
      <c r="D21" s="153"/>
      <c r="E21" s="153"/>
      <c r="F21" s="153"/>
      <c r="G21" s="153"/>
      <c r="H21" s="154"/>
      <c r="I21" s="115"/>
      <c r="J21" s="147"/>
      <c r="K21" s="156" t="s">
        <v>2642</v>
      </c>
      <c r="L21" s="157" t="str">
        <f>+IF(RegistroInf!M48=1,"","Si")</f>
        <v/>
      </c>
      <c r="M21" s="147"/>
      <c r="N21" s="148"/>
      <c r="O21" s="148"/>
      <c r="P21" s="122"/>
      <c r="Q21" s="183"/>
    </row>
    <row r="22" spans="1:17" ht="19.5" customHeight="1" x14ac:dyDescent="0.35">
      <c r="A22" s="182"/>
      <c r="B22" s="117"/>
      <c r="C22" s="117"/>
      <c r="D22" s="117"/>
      <c r="E22" s="117"/>
      <c r="F22" s="117"/>
      <c r="G22" s="117"/>
      <c r="H22" s="117"/>
      <c r="I22" s="115"/>
      <c r="J22" s="115"/>
      <c r="K22" s="133"/>
      <c r="L22" s="134"/>
      <c r="M22" s="115"/>
      <c r="N22" s="115"/>
      <c r="O22" s="115"/>
      <c r="P22" s="117"/>
      <c r="Q22" s="183"/>
    </row>
    <row r="23" spans="1:17" ht="19.5" customHeight="1" x14ac:dyDescent="0.35">
      <c r="A23" s="182"/>
      <c r="B23" s="192" t="s">
        <v>2668</v>
      </c>
      <c r="C23" s="185"/>
      <c r="D23" s="185"/>
      <c r="E23" s="117"/>
      <c r="F23" s="117"/>
      <c r="G23" s="117"/>
      <c r="H23" s="115"/>
      <c r="I23" s="115"/>
      <c r="J23" s="192" t="s">
        <v>2720</v>
      </c>
      <c r="K23" s="185"/>
      <c r="L23" s="185"/>
      <c r="M23" s="117"/>
      <c r="N23" s="117"/>
      <c r="O23" s="117"/>
      <c r="P23" s="115"/>
      <c r="Q23" s="183"/>
    </row>
    <row r="24" spans="1:17" ht="19.5" customHeight="1" x14ac:dyDescent="0.35">
      <c r="A24" s="186"/>
      <c r="B24" s="317" t="s">
        <v>2444</v>
      </c>
      <c r="C24" s="318"/>
      <c r="D24" s="318"/>
      <c r="E24" s="201" t="s">
        <v>2446</v>
      </c>
      <c r="F24" s="201" t="s">
        <v>2480</v>
      </c>
      <c r="G24" s="202"/>
      <c r="H24" s="203"/>
      <c r="I24" s="115"/>
      <c r="J24" s="123"/>
      <c r="K24" s="124"/>
      <c r="L24" s="124"/>
      <c r="M24" s="124"/>
      <c r="N24" s="124"/>
      <c r="O24" s="130"/>
      <c r="P24" s="125"/>
      <c r="Q24" s="183"/>
    </row>
    <row r="25" spans="1:17" ht="19.5" customHeight="1" x14ac:dyDescent="0.35">
      <c r="A25" s="182"/>
      <c r="B25" s="204"/>
      <c r="C25" s="119"/>
      <c r="D25" s="160" t="s">
        <v>2655</v>
      </c>
      <c r="E25" s="228">
        <f>+RegistroInf!W9</f>
        <v>462225.41581028135</v>
      </c>
      <c r="F25" s="161">
        <f>+RegistroInf!X9</f>
        <v>0.12724578499522596</v>
      </c>
      <c r="G25" s="120"/>
      <c r="H25" s="205"/>
      <c r="I25" s="115"/>
      <c r="J25" s="126"/>
      <c r="K25" s="117"/>
      <c r="L25" s="133" t="s">
        <v>2619</v>
      </c>
      <c r="M25" s="134" t="str">
        <f>+RegistroInf!Q27</f>
        <v>1</v>
      </c>
      <c r="N25" s="117"/>
      <c r="O25" s="117"/>
      <c r="P25" s="127"/>
      <c r="Q25" s="183"/>
    </row>
    <row r="26" spans="1:17" ht="19.5" customHeight="1" x14ac:dyDescent="0.35">
      <c r="A26" s="182"/>
      <c r="B26" s="204"/>
      <c r="C26" s="159"/>
      <c r="D26" s="136" t="s">
        <v>2656</v>
      </c>
      <c r="E26" s="228">
        <f>+RegistroInf!W10</f>
        <v>719514.9616415269</v>
      </c>
      <c r="F26" s="161">
        <f>+RegistroInf!X10</f>
        <v>0.19807488506314525</v>
      </c>
      <c r="G26" s="117"/>
      <c r="H26" s="205"/>
      <c r="I26" s="115"/>
      <c r="J26" s="126"/>
      <c r="K26" s="117"/>
      <c r="L26" s="133" t="s">
        <v>2620</v>
      </c>
      <c r="M26" s="134" t="str">
        <f>+RegistroInf!Q28</f>
        <v>1</v>
      </c>
      <c r="N26" s="117"/>
      <c r="O26" s="117"/>
      <c r="P26" s="127"/>
      <c r="Q26" s="183"/>
    </row>
    <row r="27" spans="1:17" ht="19.5" customHeight="1" x14ac:dyDescent="0.35">
      <c r="A27" s="182"/>
      <c r="B27" s="204"/>
      <c r="C27" s="119"/>
      <c r="D27" s="160" t="s">
        <v>2657</v>
      </c>
      <c r="E27" s="228">
        <f>+RegistroInf!W11</f>
        <v>454911.27858140803</v>
      </c>
      <c r="F27" s="161">
        <f>+RegistroInf!X11</f>
        <v>0.12523228010904552</v>
      </c>
      <c r="G27" s="158"/>
      <c r="H27" s="206"/>
      <c r="I27" s="115"/>
      <c r="J27" s="126"/>
      <c r="K27" s="117"/>
      <c r="L27" s="133" t="s">
        <v>2621</v>
      </c>
      <c r="M27" s="134" t="str">
        <f>+RegistroInf!Q29</f>
        <v>1</v>
      </c>
      <c r="N27" s="117"/>
      <c r="O27" s="117"/>
      <c r="P27" s="127"/>
      <c r="Q27" s="183"/>
    </row>
    <row r="28" spans="1:17" ht="19.5" customHeight="1" x14ac:dyDescent="0.35">
      <c r="A28" s="182"/>
      <c r="B28" s="204"/>
      <c r="C28" s="119"/>
      <c r="D28" s="160" t="s">
        <v>2658</v>
      </c>
      <c r="E28" s="228">
        <f>+RegistroInf!W12</f>
        <v>142214.92658660215</v>
      </c>
      <c r="F28" s="161">
        <f>+RegistroInf!X12</f>
        <v>3.9150270306594646E-2</v>
      </c>
      <c r="G28" s="158"/>
      <c r="H28" s="206"/>
      <c r="I28" s="115"/>
      <c r="J28" s="126"/>
      <c r="K28" s="117"/>
      <c r="L28" s="133" t="s">
        <v>2622</v>
      </c>
      <c r="M28" s="134" t="str">
        <f>+RegistroInf!Q30</f>
        <v>2</v>
      </c>
      <c r="N28" s="117"/>
      <c r="O28" s="117"/>
      <c r="P28" s="127"/>
      <c r="Q28" s="183"/>
    </row>
    <row r="29" spans="1:17" ht="19.5" customHeight="1" x14ac:dyDescent="0.35">
      <c r="A29" s="182"/>
      <c r="B29" s="204"/>
      <c r="C29" s="159"/>
      <c r="D29" s="136" t="s">
        <v>2659</v>
      </c>
      <c r="E29" s="228">
        <f>+RegistroInf!W13</f>
        <v>71782.971921162942</v>
      </c>
      <c r="F29" s="161">
        <f>+RegistroInf!X13</f>
        <v>1.9761095558509252E-2</v>
      </c>
      <c r="G29" s="117"/>
      <c r="H29" s="205"/>
      <c r="I29" s="115"/>
      <c r="J29" s="126"/>
      <c r="K29" s="117"/>
      <c r="L29" s="133" t="s">
        <v>2623</v>
      </c>
      <c r="M29" s="134" t="str">
        <f>+RegistroInf!Q31</f>
        <v>3</v>
      </c>
      <c r="N29" s="117"/>
      <c r="O29" s="117"/>
      <c r="P29" s="127"/>
      <c r="Q29" s="183"/>
    </row>
    <row r="30" spans="1:17" ht="19.5" customHeight="1" x14ac:dyDescent="0.35">
      <c r="A30" s="182"/>
      <c r="B30" s="204"/>
      <c r="C30" s="119"/>
      <c r="D30" s="160" t="s">
        <v>2660</v>
      </c>
      <c r="E30" s="228">
        <f>+RegistroInf!W14</f>
        <v>131387.33794474206</v>
      </c>
      <c r="F30" s="161">
        <f>+RegistroInf!X14</f>
        <v>3.6169549279120083E-2</v>
      </c>
      <c r="G30" s="120"/>
      <c r="H30" s="205"/>
      <c r="I30" s="115"/>
      <c r="J30" s="126"/>
      <c r="K30" s="117"/>
      <c r="L30" s="133" t="s">
        <v>2624</v>
      </c>
      <c r="M30" s="134" t="str">
        <f>+RegistroInf!Q32</f>
        <v>1</v>
      </c>
      <c r="N30" s="117"/>
      <c r="O30" s="117"/>
      <c r="P30" s="127"/>
      <c r="Q30" s="183"/>
    </row>
    <row r="31" spans="1:17" ht="19.5" customHeight="1" x14ac:dyDescent="0.35">
      <c r="A31" s="182"/>
      <c r="B31" s="204"/>
      <c r="C31" s="159"/>
      <c r="D31" s="136" t="s">
        <v>2661</v>
      </c>
      <c r="E31" s="228">
        <f>+RegistroInf!W15</f>
        <v>17088.879367595793</v>
      </c>
      <c r="F31" s="161">
        <f>+RegistroInf!X15</f>
        <v>4.7043883686200367E-3</v>
      </c>
      <c r="G31" s="117"/>
      <c r="H31" s="205"/>
      <c r="I31" s="115"/>
      <c r="J31" s="126"/>
      <c r="K31" s="117"/>
      <c r="L31" s="133" t="s">
        <v>2625</v>
      </c>
      <c r="M31" s="134" t="str">
        <f>+RegistroInf!Q33</f>
        <v>1</v>
      </c>
      <c r="N31" s="117"/>
      <c r="O31" s="117"/>
      <c r="P31" s="127"/>
      <c r="Q31" s="183"/>
    </row>
    <row r="32" spans="1:17" ht="19.5" customHeight="1" x14ac:dyDescent="0.35">
      <c r="A32" s="182"/>
      <c r="B32" s="204"/>
      <c r="C32" s="119"/>
      <c r="D32" s="160" t="s">
        <v>2662</v>
      </c>
      <c r="E32" s="228">
        <f>+RegistroInf!W16</f>
        <v>794367.99917115702</v>
      </c>
      <c r="F32" s="161">
        <f>+RegistroInf!X16</f>
        <v>0.21868113732436725</v>
      </c>
      <c r="G32" s="120"/>
      <c r="H32" s="205"/>
      <c r="I32" s="115"/>
      <c r="J32" s="126"/>
      <c r="K32" s="117"/>
      <c r="L32" s="133" t="s">
        <v>2626</v>
      </c>
      <c r="M32" s="134" t="str">
        <f>+RegistroInf!Q34</f>
        <v>0</v>
      </c>
      <c r="N32" s="117"/>
      <c r="O32" s="117"/>
      <c r="P32" s="127"/>
      <c r="Q32" s="183"/>
    </row>
    <row r="33" spans="1:17" ht="19.5" customHeight="1" x14ac:dyDescent="0.35">
      <c r="A33" s="182"/>
      <c r="B33" s="207"/>
      <c r="C33" s="159"/>
      <c r="D33" s="136" t="s">
        <v>2663</v>
      </c>
      <c r="E33" s="228">
        <f>+RegistroInf!W17</f>
        <v>306535.19126552658</v>
      </c>
      <c r="F33" s="161">
        <f>+RegistroInf!X17</f>
        <v>8.4385907193933365E-2</v>
      </c>
      <c r="G33" s="117"/>
      <c r="H33" s="205"/>
      <c r="I33" s="115"/>
      <c r="J33" s="126"/>
      <c r="K33" s="117"/>
      <c r="L33" s="133" t="s">
        <v>2627</v>
      </c>
      <c r="M33" s="134" t="str">
        <f>+RegistroInf!Q35</f>
        <v>0</v>
      </c>
      <c r="N33" s="117"/>
      <c r="O33" s="117"/>
      <c r="P33" s="127"/>
      <c r="Q33" s="183"/>
    </row>
    <row r="34" spans="1:17" ht="19.5" customHeight="1" x14ac:dyDescent="0.35">
      <c r="A34" s="182"/>
      <c r="B34" s="204"/>
      <c r="C34" s="159"/>
      <c r="D34" s="136" t="s">
        <v>2664</v>
      </c>
      <c r="E34" s="228">
        <f>+RegistroInf!W18</f>
        <v>120821.12744564557</v>
      </c>
      <c r="F34" s="161">
        <f>+RegistroInf!X18</f>
        <v>3.3260782899354031E-2</v>
      </c>
      <c r="G34" s="117"/>
      <c r="H34" s="205"/>
      <c r="I34" s="115"/>
      <c r="J34" s="128"/>
      <c r="K34" s="135"/>
      <c r="L34" s="135"/>
      <c r="M34" s="135"/>
      <c r="N34" s="135"/>
      <c r="O34" s="135"/>
      <c r="P34" s="129"/>
      <c r="Q34" s="183"/>
    </row>
    <row r="35" spans="1:17" ht="19.5" customHeight="1" x14ac:dyDescent="0.35">
      <c r="A35" s="182"/>
      <c r="B35" s="204"/>
      <c r="C35" s="159"/>
      <c r="D35" s="136" t="s">
        <v>2665</v>
      </c>
      <c r="E35" s="228">
        <f>+RegistroInf!W19</f>
        <v>92994.590779396982</v>
      </c>
      <c r="F35" s="161">
        <f>+RegistroInf!X19</f>
        <v>2.5600430654144409E-2</v>
      </c>
      <c r="G35" s="117"/>
      <c r="H35" s="205"/>
      <c r="I35" s="115"/>
      <c r="J35" s="117"/>
      <c r="K35" s="117"/>
      <c r="L35" s="117"/>
      <c r="M35" s="117"/>
      <c r="N35" s="117"/>
      <c r="O35" s="117"/>
      <c r="P35" s="117"/>
      <c r="Q35" s="183"/>
    </row>
    <row r="36" spans="1:17" ht="19.5" customHeight="1" x14ac:dyDescent="0.35">
      <c r="A36" s="182"/>
      <c r="B36" s="204"/>
      <c r="C36" s="119"/>
      <c r="D36" s="160" t="s">
        <v>2666</v>
      </c>
      <c r="E36" s="228">
        <f>+RegistroInf!W20</f>
        <v>234890.51898399284</v>
      </c>
      <c r="F36" s="161">
        <f>+RegistroInf!X20</f>
        <v>6.4662884068499502E-2</v>
      </c>
      <c r="G36" s="120"/>
      <c r="H36" s="205"/>
      <c r="I36" s="117"/>
      <c r="J36" s="192" t="s">
        <v>2669</v>
      </c>
      <c r="K36" s="185"/>
      <c r="L36" s="185"/>
      <c r="M36" s="117"/>
      <c r="N36" s="117"/>
      <c r="O36" s="117"/>
      <c r="P36" s="115"/>
      <c r="Q36" s="183"/>
    </row>
    <row r="37" spans="1:17" ht="19.5" customHeight="1" x14ac:dyDescent="0.35">
      <c r="A37" s="182"/>
      <c r="B37" s="204"/>
      <c r="C37" s="159"/>
      <c r="D37" s="136" t="s">
        <v>2667</v>
      </c>
      <c r="E37" s="228">
        <f>+RegistroInf!W21</f>
        <v>65372.943151206804</v>
      </c>
      <c r="F37" s="161">
        <f>+RegistroInf!X21</f>
        <v>1.7996482201527966E-2</v>
      </c>
      <c r="G37" s="117"/>
      <c r="H37" s="205"/>
      <c r="I37" s="117"/>
      <c r="J37" s="249"/>
      <c r="K37" s="250"/>
      <c r="L37" s="250"/>
      <c r="M37" s="250"/>
      <c r="N37" s="250"/>
      <c r="O37" s="250"/>
      <c r="P37" s="272"/>
      <c r="Q37" s="183"/>
    </row>
    <row r="38" spans="1:17" ht="19.5" customHeight="1" x14ac:dyDescent="0.35">
      <c r="A38" s="182"/>
      <c r="B38" s="207"/>
      <c r="C38" s="117"/>
      <c r="D38" s="160" t="str">
        <f>+IF(RegistroInf!Q22="","Equipo (N/A):","Equipo:")</f>
        <v>Equipo (N/A):</v>
      </c>
      <c r="E38" s="228">
        <f>IF(RegistroInf!Q22="",0,RegistroInf!W22)</f>
        <v>0</v>
      </c>
      <c r="F38" s="161">
        <f>IF(RegistroInf!Q22="",0,RegistroInf!X22)</f>
        <v>0</v>
      </c>
      <c r="G38" s="117"/>
      <c r="H38" s="208"/>
      <c r="I38" s="117"/>
      <c r="J38" s="273"/>
      <c r="K38" s="265" t="s">
        <v>2655</v>
      </c>
      <c r="L38" s="270" t="str">
        <f>IF(RegistroInf!C90="","",RegistroInf!C90)</f>
        <v>Zapatas</v>
      </c>
      <c r="M38" s="314" t="str">
        <f>IF(RegistroInf!C94="","",RegistroInf!C94)</f>
        <v/>
      </c>
      <c r="N38" s="314"/>
      <c r="O38" s="120"/>
      <c r="P38" s="274"/>
      <c r="Q38" s="183"/>
    </row>
    <row r="39" spans="1:17" ht="19.5" customHeight="1" x14ac:dyDescent="0.35">
      <c r="A39" s="182"/>
      <c r="B39" s="207"/>
      <c r="C39" s="117"/>
      <c r="D39" s="160" t="str">
        <f>+IF(RegistroInf!Q23="","Accesorias (N/A):","Accesorias:")</f>
        <v>Accesorias (N/A):</v>
      </c>
      <c r="E39" s="228">
        <f>IF(RegistroInf!Q23="",0,RegistroInf!W23)</f>
        <v>0</v>
      </c>
      <c r="F39" s="161">
        <f>IF(RegistroInf!Q23="",0,RegistroInf!X23)</f>
        <v>0</v>
      </c>
      <c r="G39" s="117"/>
      <c r="H39" s="208"/>
      <c r="I39" s="117"/>
      <c r="J39" s="144"/>
      <c r="K39" s="267"/>
      <c r="L39" s="165"/>
      <c r="M39" s="115"/>
      <c r="N39" s="115"/>
      <c r="O39" s="115"/>
      <c r="P39" s="274"/>
      <c r="Q39" s="183"/>
    </row>
    <row r="40" spans="1:17" ht="19.5" customHeight="1" x14ac:dyDescent="0.35">
      <c r="A40" s="182"/>
      <c r="B40" s="207"/>
      <c r="C40" s="117"/>
      <c r="D40" s="160" t="str">
        <f>+IF(RegistroInf!V26=1,"Obras complementarias (N/A):","Obras complementarias:")</f>
        <v>Obras complementarias:</v>
      </c>
      <c r="E40" s="229">
        <f>+IF(RegistroInf!V26=1,0,RegistroInf!W26)</f>
        <v>18431.951527516252</v>
      </c>
      <c r="F40" s="161">
        <f>+IF(RegistroInf!V26=1,0,RegistroInf!X26)</f>
        <v>5.0741219779126458E-3</v>
      </c>
      <c r="G40" s="120"/>
      <c r="H40" s="208"/>
      <c r="I40" s="117"/>
      <c r="J40" s="273"/>
      <c r="K40" s="265" t="s">
        <v>2717</v>
      </c>
      <c r="L40" s="270" t="str">
        <f>IF(RegistroInf!C91="","",RegistroInf!C91)</f>
        <v>Losa Maciza de concreto</v>
      </c>
      <c r="M40" s="314" t="str">
        <f>IF(RegistroInf!C95="","",RegistroInf!C95)</f>
        <v/>
      </c>
      <c r="N40" s="314"/>
      <c r="O40" s="117"/>
      <c r="P40" s="274"/>
      <c r="Q40" s="183"/>
    </row>
    <row r="41" spans="1:17" ht="19.5" customHeight="1" x14ac:dyDescent="0.35">
      <c r="A41" s="182"/>
      <c r="B41" s="207"/>
      <c r="C41" s="117"/>
      <c r="D41" s="160" t="str">
        <f>+IF(RegistroInf!V27=1,"Instalaciones especiales (N/A):","Instalaciones especiales:")</f>
        <v>Instalaciones especiales (N/A):</v>
      </c>
      <c r="E41" s="229">
        <f>+IF(RegistroInf!V27=1,0,RegistroInf!W27)</f>
        <v>0</v>
      </c>
      <c r="F41" s="161">
        <f>+IF(RegistroInf!V27=1,0,RegistroInf!X27)</f>
        <v>0</v>
      </c>
      <c r="G41" s="117"/>
      <c r="H41" s="208"/>
      <c r="I41" s="117"/>
      <c r="J41" s="144"/>
      <c r="K41" s="117"/>
      <c r="L41" s="121"/>
      <c r="M41" s="117"/>
      <c r="N41" s="117"/>
      <c r="O41" s="117"/>
      <c r="P41" s="274"/>
      <c r="Q41" s="183"/>
    </row>
    <row r="42" spans="1:17" ht="19.5" customHeight="1" x14ac:dyDescent="0.35">
      <c r="A42" s="182"/>
      <c r="B42" s="207"/>
      <c r="C42" s="117"/>
      <c r="D42" s="136" t="s">
        <v>2676</v>
      </c>
      <c r="E42" s="230">
        <f>+SUM(E25:E41)</f>
        <v>3632540.0941777616</v>
      </c>
      <c r="F42" s="117"/>
      <c r="G42" s="117"/>
      <c r="H42" s="208"/>
      <c r="I42" s="115"/>
      <c r="J42" s="273"/>
      <c r="K42" s="265" t="s">
        <v>2718</v>
      </c>
      <c r="L42" s="270" t="str">
        <f>IF(RegistroInf!C92="","",RegistroInf!C92)</f>
        <v>Ladrillo / Block</v>
      </c>
      <c r="M42" s="314" t="str">
        <f>IF(RegistroInf!C96="","",RegistroInf!C96)</f>
        <v/>
      </c>
      <c r="N42" s="314"/>
      <c r="O42" s="117"/>
      <c r="P42" s="274"/>
      <c r="Q42" s="183"/>
    </row>
    <row r="43" spans="1:17" ht="19.5" customHeight="1" x14ac:dyDescent="0.35">
      <c r="A43" s="182"/>
      <c r="B43" s="207"/>
      <c r="C43" s="117"/>
      <c r="D43" s="136" t="s">
        <v>2677</v>
      </c>
      <c r="E43" s="210">
        <f>+RegistroInf!C6</f>
        <v>0</v>
      </c>
      <c r="F43" s="117"/>
      <c r="G43" s="117"/>
      <c r="H43" s="208"/>
      <c r="I43" s="115"/>
      <c r="J43" s="275"/>
      <c r="K43" s="117"/>
      <c r="L43" s="117"/>
      <c r="M43" s="117"/>
      <c r="N43" s="117"/>
      <c r="O43" s="117"/>
      <c r="P43" s="276"/>
      <c r="Q43" s="183"/>
    </row>
    <row r="44" spans="1:17" ht="19.5" customHeight="1" x14ac:dyDescent="0.35">
      <c r="A44" s="182"/>
      <c r="B44" s="207"/>
      <c r="C44" s="117"/>
      <c r="D44" s="136" t="s">
        <v>2678</v>
      </c>
      <c r="E44" s="230">
        <f>+E42*E43</f>
        <v>0</v>
      </c>
      <c r="F44" s="117"/>
      <c r="G44" s="117"/>
      <c r="H44" s="208"/>
      <c r="I44" s="115"/>
      <c r="J44" s="275"/>
      <c r="K44" s="117"/>
      <c r="L44" s="117"/>
      <c r="M44" s="117"/>
      <c r="N44" s="117"/>
      <c r="O44" s="117"/>
      <c r="P44" s="276"/>
      <c r="Q44" s="183"/>
    </row>
    <row r="45" spans="1:17" ht="19.5" customHeight="1" x14ac:dyDescent="0.35">
      <c r="A45" s="182"/>
      <c r="B45" s="207"/>
      <c r="C45" s="209"/>
      <c r="D45" s="209"/>
      <c r="E45" s="209"/>
      <c r="F45" s="209"/>
      <c r="G45" s="209"/>
      <c r="H45" s="271"/>
      <c r="I45" s="115"/>
      <c r="J45" s="163"/>
      <c r="K45" s="164"/>
      <c r="L45" s="164"/>
      <c r="M45" s="164"/>
      <c r="N45" s="164"/>
      <c r="O45" s="164"/>
      <c r="P45" s="277"/>
      <c r="Q45" s="183"/>
    </row>
    <row r="46" spans="1:17" ht="19.5" customHeight="1" x14ac:dyDescent="0.35">
      <c r="A46" s="182"/>
      <c r="B46" s="117"/>
      <c r="C46" s="117"/>
      <c r="D46" s="117"/>
      <c r="E46" s="117"/>
      <c r="F46" s="117"/>
      <c r="G46" s="117"/>
      <c r="H46" s="117"/>
      <c r="I46" s="115"/>
      <c r="Q46" s="183"/>
    </row>
    <row r="47" spans="1:17" ht="19.5" customHeight="1" x14ac:dyDescent="0.35">
      <c r="A47" s="182"/>
      <c r="B47" s="192" t="s">
        <v>2679</v>
      </c>
      <c r="C47" s="185"/>
      <c r="D47" s="185"/>
      <c r="E47" s="117"/>
      <c r="F47" s="117"/>
      <c r="G47" s="117"/>
      <c r="H47" s="115"/>
      <c r="I47" s="115"/>
      <c r="J47" s="192" t="s">
        <v>2608</v>
      </c>
      <c r="K47" s="193"/>
      <c r="L47" s="185"/>
      <c r="M47" s="117"/>
      <c r="N47" s="117"/>
      <c r="O47" s="117"/>
      <c r="P47" s="115"/>
      <c r="Q47" s="183"/>
    </row>
    <row r="48" spans="1:17" ht="19.5" customHeight="1" x14ac:dyDescent="0.35">
      <c r="A48" s="182"/>
      <c r="B48" s="323" t="s">
        <v>2680</v>
      </c>
      <c r="C48" s="324"/>
      <c r="D48" s="324"/>
      <c r="E48" s="214" t="s">
        <v>2681</v>
      </c>
      <c r="F48" s="266"/>
      <c r="G48" s="266"/>
      <c r="H48" s="227"/>
      <c r="I48" s="115"/>
      <c r="J48" s="328" t="str">
        <f>IF(RegistroInf!C52="","Sin comentarios",RegistroInf!C52)</f>
        <v>Sin comentarios</v>
      </c>
      <c r="K48" s="329"/>
      <c r="L48" s="329"/>
      <c r="M48" s="329"/>
      <c r="N48" s="329"/>
      <c r="O48" s="329"/>
      <c r="P48" s="330"/>
      <c r="Q48" s="183"/>
    </row>
    <row r="49" spans="1:17" ht="19.5" customHeight="1" x14ac:dyDescent="0.35">
      <c r="A49" s="182"/>
      <c r="B49" s="140"/>
      <c r="C49" s="119"/>
      <c r="D49" s="160" t="s">
        <v>2683</v>
      </c>
      <c r="E49" s="226" t="str">
        <f>+RegistroInf!C63</f>
        <v>Media</v>
      </c>
      <c r="F49" s="212"/>
      <c r="G49" s="212"/>
      <c r="H49" s="141"/>
      <c r="J49" s="331"/>
      <c r="K49" s="332"/>
      <c r="L49" s="332"/>
      <c r="M49" s="332"/>
      <c r="N49" s="332"/>
      <c r="O49" s="332"/>
      <c r="P49" s="333"/>
      <c r="Q49" s="183"/>
    </row>
    <row r="50" spans="1:17" ht="19.5" customHeight="1" x14ac:dyDescent="0.35">
      <c r="A50" s="182"/>
      <c r="B50" s="140"/>
      <c r="C50" s="159"/>
      <c r="D50" s="136" t="s">
        <v>2684</v>
      </c>
      <c r="E50" s="226" t="str">
        <f>+RegistroInf!C64</f>
        <v>Media</v>
      </c>
      <c r="F50" s="117"/>
      <c r="G50" s="117"/>
      <c r="H50" s="141"/>
      <c r="J50" s="331"/>
      <c r="K50" s="332"/>
      <c r="L50" s="332"/>
      <c r="M50" s="332"/>
      <c r="N50" s="332"/>
      <c r="O50" s="332"/>
      <c r="P50" s="333"/>
      <c r="Q50" s="183"/>
    </row>
    <row r="51" spans="1:17" ht="19.5" customHeight="1" x14ac:dyDescent="0.35">
      <c r="A51" s="182"/>
      <c r="B51" s="140"/>
      <c r="C51" s="119"/>
      <c r="D51" s="160" t="s">
        <v>2685</v>
      </c>
      <c r="E51" s="226" t="str">
        <f>+RegistroInf!C65</f>
        <v>Media</v>
      </c>
      <c r="F51" s="327" t="s">
        <v>2698</v>
      </c>
      <c r="G51" s="327"/>
      <c r="H51" s="211"/>
      <c r="J51" s="331"/>
      <c r="K51" s="332"/>
      <c r="L51" s="332"/>
      <c r="M51" s="332"/>
      <c r="N51" s="332"/>
      <c r="O51" s="332"/>
      <c r="P51" s="333"/>
      <c r="Q51" s="183"/>
    </row>
    <row r="52" spans="1:17" ht="19.5" customHeight="1" x14ac:dyDescent="0.35">
      <c r="A52" s="182"/>
      <c r="B52" s="140"/>
      <c r="C52" s="119"/>
      <c r="D52" s="160" t="s">
        <v>2682</v>
      </c>
      <c r="E52" s="226" t="str">
        <f>+RegistroInf!C66</f>
        <v>No aplica</v>
      </c>
      <c r="F52" s="305" t="str">
        <f>IF(RegistroInf!C8="","Sin especificar en la solicitud",RegistroInf!C8)</f>
        <v>Sin especificar en la solicitud</v>
      </c>
      <c r="G52" s="306"/>
      <c r="H52" s="220"/>
      <c r="J52" s="334"/>
      <c r="K52" s="335"/>
      <c r="L52" s="335"/>
      <c r="M52" s="335"/>
      <c r="N52" s="335"/>
      <c r="O52" s="335"/>
      <c r="P52" s="336"/>
      <c r="Q52" s="183"/>
    </row>
    <row r="53" spans="1:17" ht="19.5" customHeight="1" x14ac:dyDescent="0.35">
      <c r="A53" s="182"/>
      <c r="B53" s="151"/>
      <c r="C53" s="117"/>
      <c r="D53" s="117"/>
      <c r="E53" s="219"/>
      <c r="F53" s="307"/>
      <c r="G53" s="308"/>
      <c r="H53" s="220"/>
      <c r="J53" s="115"/>
      <c r="K53" s="115"/>
      <c r="L53" s="115"/>
      <c r="M53" s="115"/>
      <c r="N53" s="115"/>
      <c r="O53" s="115"/>
      <c r="P53" s="115"/>
      <c r="Q53" s="183"/>
    </row>
    <row r="54" spans="1:17" ht="19.5" customHeight="1" x14ac:dyDescent="0.35">
      <c r="A54" s="182"/>
      <c r="B54" s="323" t="s">
        <v>2690</v>
      </c>
      <c r="C54" s="324"/>
      <c r="D54" s="324"/>
      <c r="E54" s="213" t="s">
        <v>2681</v>
      </c>
      <c r="F54" s="117"/>
      <c r="G54" s="117"/>
      <c r="H54" s="141"/>
      <c r="J54" s="192" t="s">
        <v>2669</v>
      </c>
      <c r="K54" s="185"/>
      <c r="L54" s="185"/>
      <c r="M54" s="117"/>
      <c r="N54" s="117"/>
      <c r="O54" s="117"/>
      <c r="P54" s="115"/>
      <c r="Q54" s="183"/>
    </row>
    <row r="55" spans="1:17" ht="19.5" customHeight="1" x14ac:dyDescent="0.35">
      <c r="A55" s="198"/>
      <c r="B55" s="140"/>
      <c r="C55" s="119"/>
      <c r="D55" s="160" t="s">
        <v>2686</v>
      </c>
      <c r="E55" s="226" t="str">
        <f>+RegistroInf!C68</f>
        <v>Media</v>
      </c>
      <c r="F55" s="212"/>
      <c r="G55" s="212"/>
      <c r="H55" s="141"/>
      <c r="I55" s="199"/>
      <c r="J55" s="137"/>
      <c r="K55" s="138"/>
      <c r="L55" s="138"/>
      <c r="M55" s="138"/>
      <c r="N55" s="138"/>
      <c r="O55" s="138"/>
      <c r="P55" s="150"/>
      <c r="Q55" s="183"/>
    </row>
    <row r="56" spans="1:17" ht="19.5" customHeight="1" x14ac:dyDescent="0.35">
      <c r="A56" s="198"/>
      <c r="B56" s="140"/>
      <c r="C56" s="159"/>
      <c r="D56" s="136" t="s">
        <v>2665</v>
      </c>
      <c r="E56" s="226" t="str">
        <f>+RegistroInf!C69</f>
        <v>Media</v>
      </c>
      <c r="F56" s="117"/>
      <c r="G56" s="117"/>
      <c r="H56" s="141"/>
      <c r="I56" s="199"/>
      <c r="J56" s="169"/>
      <c r="K56" s="114" t="s">
        <v>2670</v>
      </c>
      <c r="L56" s="231">
        <f>RegistroInf!F3*1</f>
        <v>500000</v>
      </c>
      <c r="M56" s="119"/>
      <c r="N56" s="168"/>
      <c r="O56" s="120"/>
      <c r="P56" s="141"/>
      <c r="Q56" s="183"/>
    </row>
    <row r="57" spans="1:17" ht="19.5" customHeight="1" x14ac:dyDescent="0.35">
      <c r="A57" s="198"/>
      <c r="B57" s="140"/>
      <c r="C57" s="119"/>
      <c r="D57" s="160" t="s">
        <v>2687</v>
      </c>
      <c r="E57" s="226" t="str">
        <f>+RegistroInf!C70</f>
        <v>Media</v>
      </c>
      <c r="F57" s="212"/>
      <c r="G57" s="212"/>
      <c r="H57" s="141"/>
      <c r="I57" s="199"/>
      <c r="J57" s="140"/>
      <c r="K57" s="196"/>
      <c r="L57" s="165"/>
      <c r="M57" s="115"/>
      <c r="N57" s="115"/>
      <c r="O57" s="115"/>
      <c r="P57" s="141"/>
      <c r="Q57" s="183"/>
    </row>
    <row r="58" spans="1:17" ht="19.5" customHeight="1" x14ac:dyDescent="0.35">
      <c r="A58" s="198"/>
      <c r="B58" s="151"/>
      <c r="C58" s="159"/>
      <c r="D58" s="136" t="s">
        <v>2688</v>
      </c>
      <c r="E58" s="226" t="str">
        <f>+RegistroInf!C71</f>
        <v>Media</v>
      </c>
      <c r="F58" s="117"/>
      <c r="G58" s="117"/>
      <c r="H58" s="141"/>
      <c r="I58" s="199"/>
      <c r="J58" s="169"/>
      <c r="K58" s="195" t="s">
        <v>2674</v>
      </c>
      <c r="L58" s="231">
        <f>+RegistroInf!F4</f>
        <v>500000</v>
      </c>
      <c r="P58" s="141"/>
      <c r="Q58" s="183"/>
    </row>
    <row r="59" spans="1:17" ht="19.5" customHeight="1" x14ac:dyDescent="0.35">
      <c r="A59" s="198"/>
      <c r="B59" s="140"/>
      <c r="C59" s="159"/>
      <c r="D59" s="136" t="s">
        <v>2689</v>
      </c>
      <c r="E59" s="226" t="str">
        <f>+RegistroInf!C72</f>
        <v>Media</v>
      </c>
      <c r="F59" s="327" t="s">
        <v>2698</v>
      </c>
      <c r="G59" s="327"/>
      <c r="H59" s="141"/>
      <c r="I59" s="199"/>
      <c r="J59" s="140"/>
      <c r="L59" s="232"/>
      <c r="P59" s="141"/>
      <c r="Q59" s="183"/>
    </row>
    <row r="60" spans="1:17" ht="19.5" customHeight="1" x14ac:dyDescent="0.35">
      <c r="A60" s="198"/>
      <c r="B60" s="140"/>
      <c r="C60" s="159"/>
      <c r="D60" s="136" t="s">
        <v>2682</v>
      </c>
      <c r="E60" s="226" t="str">
        <f>+RegistroInf!C73</f>
        <v>No aplica</v>
      </c>
      <c r="F60" s="305" t="str">
        <f>IF(RegistroInf!C15="","Sin especificar en la solicitud",RegistroInf!C15)</f>
        <v>Sin especificar en la solicitud</v>
      </c>
      <c r="G60" s="306"/>
      <c r="H60" s="220"/>
      <c r="I60" s="199"/>
      <c r="J60" s="169"/>
      <c r="K60" s="195" t="s">
        <v>2671</v>
      </c>
      <c r="L60" s="231">
        <f>+RegistroInf!F5</f>
        <v>11000</v>
      </c>
      <c r="M60" s="117"/>
      <c r="N60" s="117"/>
      <c r="O60" s="117"/>
      <c r="P60" s="141"/>
      <c r="Q60" s="183"/>
    </row>
    <row r="61" spans="1:17" ht="19.5" customHeight="1" x14ac:dyDescent="0.35">
      <c r="A61" s="198"/>
      <c r="B61" s="151"/>
      <c r="C61" s="117"/>
      <c r="D61" s="136"/>
      <c r="E61" s="219"/>
      <c r="F61" s="307"/>
      <c r="G61" s="308"/>
      <c r="H61" s="220"/>
      <c r="I61" s="199"/>
      <c r="J61" s="140"/>
      <c r="K61" s="121"/>
      <c r="L61" s="166"/>
      <c r="M61" s="117"/>
      <c r="N61" s="117"/>
      <c r="O61" s="117"/>
      <c r="P61" s="141"/>
      <c r="Q61" s="183"/>
    </row>
    <row r="62" spans="1:17" ht="19.5" customHeight="1" x14ac:dyDescent="0.35">
      <c r="A62" s="198"/>
      <c r="B62" s="323" t="s">
        <v>2406</v>
      </c>
      <c r="C62" s="324"/>
      <c r="D62" s="324"/>
      <c r="E62" s="213" t="s">
        <v>2681</v>
      </c>
      <c r="F62" s="120"/>
      <c r="G62" s="120"/>
      <c r="H62" s="141"/>
      <c r="I62" s="115"/>
      <c r="J62" s="169"/>
      <c r="K62" s="195" t="s">
        <v>2672</v>
      </c>
      <c r="L62" s="231">
        <f>+RegistroInf!F1</f>
        <v>0</v>
      </c>
      <c r="M62" s="119"/>
      <c r="N62" s="119"/>
      <c r="O62" s="119"/>
      <c r="P62" s="141"/>
      <c r="Q62" s="183"/>
    </row>
    <row r="63" spans="1:17" ht="19.5" customHeight="1" x14ac:dyDescent="0.35">
      <c r="A63" s="198"/>
      <c r="B63" s="140"/>
      <c r="C63" s="159"/>
      <c r="D63" s="136" t="s">
        <v>2691</v>
      </c>
      <c r="E63" s="226" t="str">
        <f>+RegistroInf!C75</f>
        <v>Media</v>
      </c>
      <c r="F63" s="117"/>
      <c r="G63" s="117"/>
      <c r="H63" s="141"/>
      <c r="I63" s="115"/>
      <c r="J63" s="140"/>
      <c r="K63" s="167"/>
      <c r="L63" s="233"/>
      <c r="M63" s="119"/>
      <c r="N63" s="119"/>
      <c r="O63" s="119"/>
      <c r="P63" s="141"/>
      <c r="Q63" s="183"/>
    </row>
    <row r="64" spans="1:17" ht="19.5" customHeight="1" x14ac:dyDescent="0.35">
      <c r="A64" s="198"/>
      <c r="B64" s="151"/>
      <c r="C64" s="117"/>
      <c r="D64" s="160" t="s">
        <v>2692</v>
      </c>
      <c r="E64" s="226" t="str">
        <f>+RegistroInf!C76</f>
        <v>Media</v>
      </c>
      <c r="F64" s="120"/>
      <c r="G64" s="120"/>
      <c r="H64" s="139"/>
      <c r="I64" s="115"/>
      <c r="J64" s="169"/>
      <c r="K64" s="195" t="s">
        <v>2673</v>
      </c>
      <c r="L64" s="231">
        <f>+RegistroInf!F2</f>
        <v>0</v>
      </c>
      <c r="M64" s="119"/>
      <c r="N64" s="119"/>
      <c r="O64" s="119"/>
      <c r="P64" s="141"/>
      <c r="Q64" s="183"/>
    </row>
    <row r="65" spans="1:17" ht="19.5" customHeight="1" x14ac:dyDescent="0.35">
      <c r="A65" s="198"/>
      <c r="B65" s="151"/>
      <c r="C65" s="117"/>
      <c r="D65" s="160" t="s">
        <v>2693</v>
      </c>
      <c r="E65" s="226" t="str">
        <f>+RegistroInf!C77</f>
        <v>Media</v>
      </c>
      <c r="F65" s="117"/>
      <c r="G65" s="117"/>
      <c r="H65" s="139"/>
      <c r="I65" s="115"/>
      <c r="J65" s="142"/>
      <c r="K65" s="170"/>
      <c r="L65" s="170"/>
      <c r="M65" s="171"/>
      <c r="N65" s="171"/>
      <c r="O65" s="171"/>
      <c r="P65" s="143"/>
      <c r="Q65" s="183"/>
    </row>
    <row r="66" spans="1:17" ht="19.5" customHeight="1" x14ac:dyDescent="0.35">
      <c r="A66" s="198"/>
      <c r="B66" s="215"/>
      <c r="C66" s="197"/>
      <c r="D66" s="160" t="s">
        <v>2694</v>
      </c>
      <c r="E66" s="226" t="str">
        <f>+RegistroInf!C78</f>
        <v>Media</v>
      </c>
      <c r="F66" s="197"/>
      <c r="G66" s="197"/>
      <c r="H66" s="216"/>
      <c r="I66" s="115"/>
      <c r="Q66" s="183"/>
    </row>
    <row r="67" spans="1:17" ht="19.5" customHeight="1" x14ac:dyDescent="0.35">
      <c r="A67" s="198"/>
      <c r="B67" s="215"/>
      <c r="C67" s="197"/>
      <c r="D67" s="160" t="s">
        <v>2695</v>
      </c>
      <c r="E67" s="226" t="str">
        <f>+RegistroInf!C79</f>
        <v>Media</v>
      </c>
      <c r="F67" s="197"/>
      <c r="G67" s="197"/>
      <c r="H67" s="216"/>
      <c r="I67" s="115"/>
      <c r="Q67" s="183"/>
    </row>
    <row r="68" spans="1:17" ht="19.5" customHeight="1" x14ac:dyDescent="0.35">
      <c r="A68" s="198"/>
      <c r="B68" s="215"/>
      <c r="C68" s="197"/>
      <c r="D68" s="160" t="s">
        <v>2696</v>
      </c>
      <c r="E68" s="226" t="str">
        <f>+RegistroInf!C80</f>
        <v>Media</v>
      </c>
      <c r="F68" s="327" t="s">
        <v>2698</v>
      </c>
      <c r="G68" s="327"/>
      <c r="H68" s="216"/>
      <c r="I68" s="199"/>
      <c r="Q68" s="183"/>
    </row>
    <row r="69" spans="1:17" ht="19.5" customHeight="1" x14ac:dyDescent="0.35">
      <c r="A69" s="198"/>
      <c r="B69" s="215"/>
      <c r="C69" s="197"/>
      <c r="D69" s="160" t="s">
        <v>2682</v>
      </c>
      <c r="E69" s="226" t="str">
        <f>+RegistroInf!C81</f>
        <v>No aplica</v>
      </c>
      <c r="F69" s="305" t="str">
        <f>IF(RegistroInf!C24="","Sin especificar en la solicitud",RegistroInf!C24)</f>
        <v>Sin especificar en la solicitud</v>
      </c>
      <c r="G69" s="306"/>
      <c r="H69" s="220"/>
      <c r="I69" s="199"/>
      <c r="Q69" s="183"/>
    </row>
    <row r="70" spans="1:17" ht="19.5" customHeight="1" x14ac:dyDescent="0.35">
      <c r="A70" s="198"/>
      <c r="B70" s="217"/>
      <c r="C70" s="218"/>
      <c r="D70" s="218"/>
      <c r="E70" s="221"/>
      <c r="F70" s="307"/>
      <c r="G70" s="308"/>
      <c r="H70" s="222"/>
      <c r="I70" s="199"/>
      <c r="J70" s="192" t="s">
        <v>2609</v>
      </c>
      <c r="K70" s="185"/>
      <c r="L70" s="185"/>
      <c r="M70" s="309">
        <f ca="1">+NOW()</f>
        <v>44624.754186921295</v>
      </c>
      <c r="N70" s="309"/>
      <c r="O70" s="309"/>
      <c r="P70" s="309"/>
      <c r="Q70" s="183"/>
    </row>
    <row r="71" spans="1:17" ht="19.5" customHeight="1" x14ac:dyDescent="0.35">
      <c r="A71" s="198"/>
      <c r="I71" s="199"/>
      <c r="J71" s="173"/>
      <c r="K71" s="174"/>
      <c r="L71" s="174"/>
      <c r="M71" s="174"/>
      <c r="N71" s="174"/>
      <c r="O71" s="174"/>
      <c r="P71" s="175"/>
      <c r="Q71" s="183"/>
    </row>
    <row r="72" spans="1:17" ht="19.5" customHeight="1" x14ac:dyDescent="0.35">
      <c r="A72" s="198"/>
      <c r="I72" s="199"/>
      <c r="J72" s="176"/>
      <c r="K72" s="172"/>
      <c r="L72" s="172"/>
      <c r="M72" s="172"/>
      <c r="N72" s="172"/>
      <c r="O72" s="172"/>
      <c r="P72" s="177"/>
      <c r="Q72" s="183"/>
    </row>
    <row r="73" spans="1:17" ht="19.5" customHeight="1" x14ac:dyDescent="0.35">
      <c r="A73" s="198"/>
      <c r="I73" s="199"/>
      <c r="J73" s="176"/>
      <c r="K73" s="172"/>
      <c r="L73" s="172"/>
      <c r="M73" s="172"/>
      <c r="N73" s="172"/>
      <c r="O73" s="172"/>
      <c r="P73" s="177"/>
      <c r="Q73" s="183"/>
    </row>
    <row r="74" spans="1:17" ht="19.5" customHeight="1" x14ac:dyDescent="0.35">
      <c r="A74" s="198"/>
      <c r="I74" s="199"/>
      <c r="J74" s="176"/>
      <c r="K74" s="172"/>
      <c r="L74" s="172"/>
      <c r="M74" s="172"/>
      <c r="N74" s="172"/>
      <c r="O74" s="172"/>
      <c r="P74" s="177"/>
      <c r="Q74" s="183"/>
    </row>
    <row r="75" spans="1:17" ht="19.5" customHeight="1" x14ac:dyDescent="0.35">
      <c r="A75" s="198"/>
      <c r="I75" s="199"/>
      <c r="J75" s="311" t="str">
        <f>+E7</f>
        <v>JESSICA</v>
      </c>
      <c r="K75" s="312"/>
      <c r="L75" s="312"/>
      <c r="M75" s="312"/>
      <c r="N75" s="312"/>
      <c r="O75" s="312"/>
      <c r="P75" s="313"/>
      <c r="Q75" s="183"/>
    </row>
    <row r="76" spans="1:17" ht="19.5" customHeight="1" x14ac:dyDescent="0.35">
      <c r="A76" s="198"/>
      <c r="I76" s="199"/>
      <c r="J76" s="117"/>
      <c r="K76" s="117"/>
      <c r="L76" s="117"/>
      <c r="M76" s="117"/>
      <c r="N76" s="117"/>
      <c r="O76" s="117"/>
      <c r="P76" s="115"/>
      <c r="Q76" s="183"/>
    </row>
    <row r="77" spans="1:17" ht="19.5" customHeight="1" x14ac:dyDescent="0.35">
      <c r="A77" s="198"/>
      <c r="I77" s="199"/>
      <c r="J77" s="325" t="s">
        <v>2721</v>
      </c>
      <c r="K77" s="326"/>
      <c r="L77" s="326"/>
      <c r="M77" s="326"/>
      <c r="N77" s="326"/>
      <c r="O77" s="326"/>
      <c r="P77" s="115"/>
      <c r="Q77" s="183"/>
    </row>
    <row r="78" spans="1:17" ht="19.5" customHeight="1" x14ac:dyDescent="0.35">
      <c r="A78" s="198"/>
      <c r="I78" s="199"/>
      <c r="J78" s="326"/>
      <c r="K78" s="326"/>
      <c r="L78" s="326"/>
      <c r="M78" s="326"/>
      <c r="N78" s="326"/>
      <c r="O78" s="326"/>
      <c r="P78" s="115"/>
      <c r="Q78" s="183"/>
    </row>
    <row r="79" spans="1:17" ht="19.5" customHeight="1" x14ac:dyDescent="0.35">
      <c r="A79" s="198"/>
      <c r="I79" s="199"/>
      <c r="J79" s="326"/>
      <c r="K79" s="326"/>
      <c r="L79" s="326"/>
      <c r="M79" s="326"/>
      <c r="N79" s="326"/>
      <c r="O79" s="326"/>
      <c r="Q79" s="183"/>
    </row>
    <row r="80" spans="1:17" ht="19.5" customHeight="1" x14ac:dyDescent="0.35">
      <c r="A80" s="198"/>
      <c r="B80" s="197"/>
      <c r="C80" s="197"/>
      <c r="D80" s="197"/>
      <c r="E80" s="197"/>
      <c r="F80" s="197"/>
      <c r="G80" s="197"/>
      <c r="H80" s="197"/>
      <c r="I80" s="199"/>
      <c r="J80" s="326"/>
      <c r="K80" s="326"/>
      <c r="L80" s="326"/>
      <c r="M80" s="326"/>
      <c r="N80" s="326"/>
      <c r="O80" s="326"/>
      <c r="Q80" s="183"/>
    </row>
    <row r="81" spans="1:19" ht="19.5" customHeight="1" thickBot="1" x14ac:dyDescent="0.4">
      <c r="A81" s="187"/>
      <c r="B81" s="188"/>
      <c r="C81" s="189"/>
      <c r="D81" s="189"/>
      <c r="E81" s="190"/>
      <c r="F81" s="190"/>
      <c r="G81" s="188"/>
      <c r="H81" s="188"/>
      <c r="I81" s="188"/>
      <c r="J81" s="188"/>
      <c r="K81" s="188"/>
      <c r="L81" s="188"/>
      <c r="M81" s="188"/>
      <c r="N81" s="188"/>
      <c r="O81" s="188"/>
      <c r="P81" s="188"/>
      <c r="Q81" s="191"/>
    </row>
    <row r="82" spans="1:19" ht="19.5" customHeight="1" thickTop="1" x14ac:dyDescent="0.35">
      <c r="A82" s="112"/>
      <c r="B82" s="112"/>
      <c r="C82" s="131"/>
      <c r="D82" s="131"/>
      <c r="E82" s="304"/>
      <c r="F82" s="304"/>
      <c r="G82" s="115"/>
      <c r="H82" s="115"/>
      <c r="I82" s="115"/>
      <c r="J82" s="115"/>
      <c r="K82" s="115"/>
      <c r="L82" s="115"/>
      <c r="M82" s="115"/>
      <c r="N82" s="115"/>
      <c r="O82" s="115"/>
    </row>
    <row r="83" spans="1:19" ht="19.5" customHeight="1" x14ac:dyDescent="0.35">
      <c r="A83" s="112"/>
      <c r="B83" s="112"/>
      <c r="C83" s="131"/>
      <c r="D83" s="131"/>
      <c r="E83" s="304"/>
      <c r="F83" s="304"/>
      <c r="G83" s="115"/>
      <c r="H83" s="115"/>
      <c r="I83" s="115"/>
      <c r="J83" s="115"/>
      <c r="K83" s="115"/>
      <c r="L83" s="115"/>
      <c r="M83" s="115"/>
      <c r="N83" s="115"/>
      <c r="O83" s="115"/>
    </row>
    <row r="84" spans="1:19" ht="19.5" customHeight="1" x14ac:dyDescent="0.35">
      <c r="A84" s="112"/>
      <c r="B84" s="112"/>
      <c r="H84" s="115"/>
      <c r="I84" s="115"/>
      <c r="J84" s="115"/>
      <c r="K84" s="115"/>
      <c r="L84" s="115"/>
      <c r="M84" s="115"/>
      <c r="N84" s="115"/>
      <c r="O84" s="115"/>
    </row>
    <row r="85" spans="1:19" ht="19.5" customHeight="1" x14ac:dyDescent="0.35">
      <c r="A85" s="112"/>
      <c r="B85" s="112"/>
      <c r="H85" s="115"/>
      <c r="I85" s="115"/>
    </row>
    <row r="86" spans="1:19" ht="19.5" customHeight="1" x14ac:dyDescent="0.35">
      <c r="A86" s="112"/>
      <c r="B86" s="112"/>
      <c r="H86" s="115"/>
      <c r="I86" s="115"/>
    </row>
    <row r="87" spans="1:19" ht="19.5" customHeight="1" x14ac:dyDescent="0.35">
      <c r="A87" s="112"/>
      <c r="B87" s="112"/>
      <c r="H87" s="115"/>
      <c r="I87" s="115"/>
    </row>
    <row r="88" spans="1:19" ht="19.5" customHeight="1" x14ac:dyDescent="0.35">
      <c r="A88" s="112"/>
      <c r="B88" s="112"/>
      <c r="H88" s="115"/>
      <c r="I88" s="115"/>
    </row>
    <row r="89" spans="1:19" ht="19.5" customHeight="1" x14ac:dyDescent="0.35">
      <c r="A89" s="112"/>
      <c r="B89" s="112"/>
      <c r="H89" s="115"/>
      <c r="I89" s="115"/>
    </row>
    <row r="90" spans="1:19" ht="19.5" customHeight="1" x14ac:dyDescent="0.35">
      <c r="A90" s="112"/>
      <c r="B90" s="112"/>
      <c r="H90" s="115"/>
      <c r="I90" s="115"/>
    </row>
    <row r="91" spans="1:19" ht="19.5" customHeight="1" x14ac:dyDescent="0.35">
      <c r="A91" s="112"/>
      <c r="B91" s="112"/>
      <c r="H91" s="115"/>
      <c r="I91" s="115"/>
      <c r="Q91" s="111"/>
      <c r="R91" s="111"/>
      <c r="S91" s="111"/>
    </row>
    <row r="92" spans="1:19" ht="19.5" customHeight="1" x14ac:dyDescent="0.35">
      <c r="A92" s="112"/>
      <c r="B92" s="112"/>
      <c r="H92" s="115"/>
      <c r="I92" s="115"/>
      <c r="Q92" s="111"/>
      <c r="R92" s="111"/>
      <c r="S92" s="111"/>
    </row>
    <row r="93" spans="1:19" ht="19.5" customHeight="1" x14ac:dyDescent="0.35">
      <c r="A93" s="112"/>
      <c r="B93" s="112"/>
      <c r="H93" s="115"/>
      <c r="I93" s="115"/>
      <c r="Q93" s="111"/>
      <c r="R93" s="111"/>
      <c r="S93" s="111"/>
    </row>
    <row r="94" spans="1:19" ht="19.5" customHeight="1" x14ac:dyDescent="0.35">
      <c r="A94" s="112"/>
      <c r="B94" s="112"/>
      <c r="H94" s="115"/>
      <c r="I94" s="115"/>
      <c r="Q94" s="111"/>
      <c r="R94" s="111"/>
      <c r="S94" s="111"/>
    </row>
    <row r="95" spans="1:19" ht="19.5" customHeight="1" x14ac:dyDescent="0.35">
      <c r="A95" s="112"/>
      <c r="B95" s="112"/>
      <c r="H95" s="115"/>
      <c r="I95" s="115"/>
      <c r="Q95" s="111"/>
      <c r="R95" s="111"/>
      <c r="S95" s="111"/>
    </row>
    <row r="96" spans="1:19" ht="19.5" customHeight="1" x14ac:dyDescent="0.35">
      <c r="A96" s="112"/>
      <c r="B96" s="112"/>
      <c r="H96" s="115"/>
      <c r="I96" s="115"/>
      <c r="Q96" s="111"/>
      <c r="R96" s="111"/>
      <c r="S96" s="111"/>
    </row>
    <row r="97" spans="1:19" ht="19.5" customHeight="1" x14ac:dyDescent="0.35">
      <c r="A97" s="112"/>
      <c r="B97" s="112"/>
      <c r="H97" s="115"/>
      <c r="I97" s="115"/>
      <c r="J97" s="115"/>
      <c r="K97" s="115"/>
      <c r="L97" s="115"/>
      <c r="M97" s="115"/>
      <c r="N97" s="115"/>
      <c r="O97" s="115"/>
      <c r="Q97" s="111"/>
      <c r="R97" s="111"/>
      <c r="S97" s="111"/>
    </row>
    <row r="98" spans="1:19" ht="19.5" customHeight="1" x14ac:dyDescent="0.35">
      <c r="A98" s="112"/>
      <c r="B98" s="112"/>
      <c r="H98" s="115"/>
      <c r="I98" s="115"/>
      <c r="J98" s="115"/>
      <c r="K98" s="115"/>
      <c r="L98" s="115"/>
      <c r="M98" s="115"/>
      <c r="N98" s="115"/>
      <c r="O98" s="115"/>
      <c r="Q98" s="111"/>
      <c r="R98" s="111"/>
      <c r="S98" s="111"/>
    </row>
    <row r="99" spans="1:19" ht="19.5" customHeight="1" x14ac:dyDescent="0.35">
      <c r="A99" s="112"/>
      <c r="B99" s="112"/>
      <c r="H99" s="115"/>
      <c r="I99" s="115"/>
      <c r="J99" s="115"/>
      <c r="K99" s="115"/>
      <c r="L99" s="115"/>
      <c r="M99" s="115"/>
      <c r="N99" s="115"/>
      <c r="O99" s="115"/>
      <c r="Q99" s="111"/>
      <c r="R99" s="111"/>
      <c r="S99" s="111"/>
    </row>
    <row r="100" spans="1:19" ht="19.5" customHeight="1" x14ac:dyDescent="0.35">
      <c r="A100" s="112"/>
      <c r="B100" s="112"/>
      <c r="H100" s="115"/>
      <c r="I100" s="115"/>
      <c r="J100" s="115"/>
      <c r="K100" s="115"/>
      <c r="L100" s="115"/>
      <c r="M100" s="115"/>
      <c r="N100" s="115"/>
      <c r="O100" s="115"/>
      <c r="Q100" s="111"/>
      <c r="R100" s="111"/>
      <c r="S100" s="111"/>
    </row>
    <row r="101" spans="1:19" ht="19.5" customHeight="1" x14ac:dyDescent="0.35">
      <c r="A101" s="112"/>
      <c r="B101" s="112"/>
      <c r="H101" s="115"/>
      <c r="I101" s="115"/>
      <c r="J101" s="115"/>
      <c r="K101" s="115"/>
      <c r="L101" s="115"/>
      <c r="M101" s="115"/>
      <c r="N101" s="115"/>
      <c r="O101" s="115"/>
      <c r="Q101" s="111"/>
      <c r="R101" s="111"/>
      <c r="S101" s="111"/>
    </row>
    <row r="102" spans="1:19" ht="19.5" customHeight="1" x14ac:dyDescent="0.35">
      <c r="A102" s="112"/>
      <c r="B102" s="112"/>
      <c r="H102" s="115"/>
      <c r="I102" s="115"/>
      <c r="J102" s="115"/>
      <c r="K102" s="115"/>
      <c r="L102" s="115"/>
      <c r="M102" s="115"/>
      <c r="N102" s="115"/>
      <c r="O102" s="115"/>
      <c r="Q102" s="111"/>
      <c r="R102" s="111"/>
      <c r="S102" s="111"/>
    </row>
    <row r="103" spans="1:19" ht="19.5" customHeight="1" x14ac:dyDescent="0.35">
      <c r="A103" s="112"/>
      <c r="B103" s="112"/>
      <c r="H103" s="115"/>
      <c r="I103" s="115"/>
      <c r="J103" s="115"/>
      <c r="K103" s="115"/>
      <c r="L103" s="115"/>
      <c r="M103" s="115"/>
      <c r="N103" s="115"/>
      <c r="O103" s="115"/>
      <c r="Q103" s="111"/>
      <c r="R103" s="111"/>
      <c r="S103" s="111"/>
    </row>
    <row r="104" spans="1:19" ht="19.5" customHeight="1" x14ac:dyDescent="0.35">
      <c r="A104" s="112"/>
      <c r="B104" s="112"/>
      <c r="H104" s="115"/>
      <c r="I104" s="115"/>
      <c r="J104" s="115"/>
      <c r="K104" s="115"/>
      <c r="L104" s="115"/>
      <c r="M104" s="115"/>
      <c r="N104" s="115"/>
      <c r="O104" s="115"/>
      <c r="Q104" s="111"/>
      <c r="R104" s="111"/>
      <c r="S104" s="111"/>
    </row>
    <row r="105" spans="1:19" ht="19.5" customHeight="1" x14ac:dyDescent="0.35">
      <c r="A105" s="112"/>
      <c r="B105" s="112"/>
      <c r="H105" s="115"/>
      <c r="I105" s="115"/>
      <c r="J105" s="115"/>
      <c r="K105" s="115"/>
      <c r="L105" s="115"/>
      <c r="M105" s="115"/>
      <c r="N105" s="115"/>
      <c r="O105" s="115"/>
      <c r="Q105" s="111"/>
      <c r="R105" s="111"/>
      <c r="S105" s="111"/>
    </row>
    <row r="106" spans="1:19" ht="19.5" customHeight="1" x14ac:dyDescent="0.35">
      <c r="A106" s="112"/>
      <c r="B106" s="112"/>
      <c r="H106" s="115"/>
      <c r="I106" s="115"/>
      <c r="J106" s="115"/>
      <c r="K106" s="115"/>
      <c r="L106" s="115"/>
      <c r="M106" s="115"/>
      <c r="N106" s="115"/>
      <c r="O106" s="115"/>
      <c r="Q106" s="111"/>
      <c r="R106" s="111"/>
      <c r="S106" s="111"/>
    </row>
    <row r="107" spans="1:19" ht="19.5" customHeight="1" x14ac:dyDescent="0.35">
      <c r="A107" s="112"/>
      <c r="B107" s="112"/>
      <c r="H107" s="115"/>
      <c r="I107" s="115"/>
      <c r="J107" s="115"/>
      <c r="K107" s="115"/>
      <c r="L107" s="115"/>
      <c r="M107" s="115"/>
      <c r="N107" s="115"/>
      <c r="O107" s="115"/>
      <c r="Q107" s="111"/>
      <c r="R107" s="111"/>
      <c r="S107" s="111"/>
    </row>
    <row r="108" spans="1:19" ht="19.5" customHeight="1" x14ac:dyDescent="0.35">
      <c r="A108" s="112"/>
      <c r="B108" s="112"/>
      <c r="H108" s="115"/>
      <c r="I108" s="115"/>
      <c r="J108" s="115"/>
      <c r="K108" s="115"/>
      <c r="L108" s="115"/>
      <c r="M108" s="115"/>
      <c r="N108" s="115"/>
      <c r="O108" s="115"/>
      <c r="Q108" s="111"/>
      <c r="R108" s="111"/>
      <c r="S108" s="111"/>
    </row>
    <row r="109" spans="1:19" ht="19.5" customHeight="1" x14ac:dyDescent="0.35">
      <c r="A109" s="112"/>
      <c r="B109" s="112"/>
      <c r="H109" s="115"/>
      <c r="I109" s="115"/>
      <c r="J109" s="115"/>
      <c r="K109" s="115"/>
      <c r="L109" s="115"/>
      <c r="M109" s="115"/>
      <c r="N109" s="115"/>
      <c r="O109" s="115"/>
      <c r="Q109" s="111"/>
      <c r="R109" s="111"/>
      <c r="S109" s="111"/>
    </row>
    <row r="110" spans="1:19" ht="19.5" customHeight="1" x14ac:dyDescent="0.35">
      <c r="A110" s="112"/>
      <c r="B110" s="112"/>
      <c r="H110" s="115"/>
      <c r="I110" s="115"/>
      <c r="J110" s="115"/>
      <c r="K110" s="115"/>
      <c r="L110" s="115"/>
      <c r="M110" s="115"/>
      <c r="N110" s="115"/>
      <c r="O110" s="115"/>
      <c r="Q110" s="111"/>
      <c r="R110" s="111"/>
      <c r="S110" s="111"/>
    </row>
    <row r="111" spans="1:19" ht="19.5" customHeight="1" x14ac:dyDescent="0.35">
      <c r="A111" s="112"/>
      <c r="B111" s="112"/>
      <c r="H111" s="115"/>
      <c r="I111" s="115"/>
      <c r="J111" s="115"/>
      <c r="K111" s="115"/>
      <c r="L111" s="115"/>
      <c r="M111" s="115"/>
      <c r="N111" s="115"/>
      <c r="O111" s="115"/>
      <c r="Q111" s="111"/>
      <c r="R111" s="111"/>
      <c r="S111" s="111"/>
    </row>
    <row r="112" spans="1:19" ht="19.5" customHeight="1" x14ac:dyDescent="0.35">
      <c r="A112" s="112"/>
      <c r="B112" s="112"/>
      <c r="H112" s="115"/>
      <c r="I112" s="115"/>
      <c r="J112" s="115"/>
      <c r="K112" s="115"/>
      <c r="L112" s="115"/>
      <c r="M112" s="115"/>
      <c r="N112" s="115"/>
      <c r="O112" s="115"/>
    </row>
    <row r="113" spans="1:15" ht="19.5" customHeight="1" x14ac:dyDescent="0.35">
      <c r="A113" s="112"/>
      <c r="B113" s="112"/>
      <c r="C113" s="310"/>
      <c r="D113" s="310"/>
      <c r="E113" s="310"/>
      <c r="F113" s="310"/>
      <c r="G113" s="118"/>
      <c r="H113" s="115"/>
      <c r="I113" s="115"/>
      <c r="J113" s="115"/>
      <c r="K113" s="115"/>
      <c r="L113" s="115"/>
      <c r="M113" s="115"/>
      <c r="N113" s="115"/>
      <c r="O113" s="115"/>
    </row>
    <row r="114" spans="1:15" ht="19.5" customHeight="1" x14ac:dyDescent="0.35">
      <c r="A114" s="112"/>
      <c r="B114" s="112"/>
      <c r="C114" s="115"/>
      <c r="D114" s="115"/>
      <c r="E114" s="115"/>
      <c r="F114" s="115"/>
      <c r="G114" s="115"/>
      <c r="H114" s="115"/>
      <c r="I114" s="115"/>
      <c r="J114" s="115"/>
      <c r="K114" s="115"/>
      <c r="L114" s="115"/>
      <c r="M114" s="115"/>
      <c r="N114" s="115"/>
      <c r="O114" s="115"/>
    </row>
    <row r="115" spans="1:15" ht="19.5" customHeight="1" x14ac:dyDescent="0.35">
      <c r="A115" s="112"/>
      <c r="B115" s="112"/>
      <c r="C115" s="296" t="s">
        <v>2608</v>
      </c>
      <c r="D115" s="296"/>
      <c r="E115" s="296"/>
      <c r="F115" s="296"/>
      <c r="G115" s="296"/>
      <c r="H115" s="115"/>
      <c r="I115" s="296"/>
      <c r="J115" s="296"/>
      <c r="K115" s="115"/>
      <c r="L115" s="296" t="s">
        <v>2609</v>
      </c>
      <c r="M115" s="296"/>
      <c r="N115" s="296"/>
      <c r="O115" s="296"/>
    </row>
    <row r="116" spans="1:15" ht="19.5" customHeight="1" x14ac:dyDescent="0.35">
      <c r="A116" s="112"/>
      <c r="B116" s="112"/>
      <c r="C116" s="302"/>
      <c r="D116" s="302"/>
      <c r="E116" s="302"/>
      <c r="F116" s="302"/>
      <c r="G116" s="302"/>
      <c r="H116" s="115"/>
      <c r="I116" s="303"/>
      <c r="J116" s="303"/>
      <c r="K116" s="115"/>
      <c r="L116" s="304"/>
      <c r="M116" s="304"/>
      <c r="N116" s="304"/>
      <c r="O116" s="304"/>
    </row>
    <row r="117" spans="1:15" ht="19.5" customHeight="1" x14ac:dyDescent="0.35">
      <c r="A117" s="112"/>
      <c r="B117" s="112"/>
      <c r="C117" s="302"/>
      <c r="D117" s="302"/>
      <c r="E117" s="302"/>
      <c r="F117" s="302"/>
      <c r="G117" s="302"/>
      <c r="H117" s="115"/>
      <c r="I117" s="303"/>
      <c r="J117" s="303"/>
      <c r="K117" s="115"/>
      <c r="L117" s="304"/>
      <c r="M117" s="304"/>
      <c r="N117" s="304"/>
      <c r="O117" s="304"/>
    </row>
    <row r="118" spans="1:15" ht="19.5" customHeight="1" x14ac:dyDescent="0.35">
      <c r="A118" s="112"/>
      <c r="B118" s="112"/>
      <c r="C118" s="302"/>
      <c r="D118" s="302"/>
      <c r="E118" s="302"/>
      <c r="F118" s="302"/>
      <c r="G118" s="302"/>
      <c r="H118" s="115"/>
      <c r="I118" s="303"/>
      <c r="J118" s="303"/>
      <c r="K118" s="115"/>
      <c r="L118" s="304"/>
      <c r="M118" s="304"/>
      <c r="N118" s="304"/>
      <c r="O118" s="304"/>
    </row>
    <row r="119" spans="1:15" ht="19.5" customHeight="1" x14ac:dyDescent="0.35">
      <c r="A119" s="112"/>
      <c r="B119" s="112"/>
      <c r="C119" s="302"/>
      <c r="D119" s="302"/>
      <c r="E119" s="302"/>
      <c r="F119" s="302"/>
      <c r="G119" s="302"/>
      <c r="H119" s="115"/>
      <c r="I119" s="303"/>
      <c r="J119" s="303"/>
      <c r="K119" s="115"/>
      <c r="L119" s="302"/>
      <c r="M119" s="302"/>
      <c r="N119" s="302"/>
      <c r="O119" s="302"/>
    </row>
    <row r="120" spans="1:15" ht="19.5" customHeight="1" x14ac:dyDescent="0.35">
      <c r="A120" s="112"/>
      <c r="B120" s="112"/>
      <c r="C120" s="115"/>
      <c r="D120" s="115"/>
      <c r="E120" s="115"/>
      <c r="F120" s="115"/>
      <c r="G120" s="115"/>
      <c r="H120" s="115"/>
      <c r="I120" s="115"/>
      <c r="J120" s="115"/>
      <c r="K120" s="115"/>
      <c r="L120" s="115"/>
      <c r="M120" s="115"/>
      <c r="N120" s="115"/>
      <c r="O120" s="115"/>
    </row>
  </sheetData>
  <mergeCells count="41">
    <mergeCell ref="B48:D48"/>
    <mergeCell ref="B54:D54"/>
    <mergeCell ref="J77:O80"/>
    <mergeCell ref="M40:N40"/>
    <mergeCell ref="M42:N42"/>
    <mergeCell ref="F52:G53"/>
    <mergeCell ref="F60:G61"/>
    <mergeCell ref="F59:G59"/>
    <mergeCell ref="F51:G51"/>
    <mergeCell ref="J48:P52"/>
    <mergeCell ref="B62:D62"/>
    <mergeCell ref="F68:G68"/>
    <mergeCell ref="B2:P2"/>
    <mergeCell ref="J6:L6"/>
    <mergeCell ref="C9:D10"/>
    <mergeCell ref="E9:H10"/>
    <mergeCell ref="E7:G7"/>
    <mergeCell ref="C7:D7"/>
    <mergeCell ref="E14:G14"/>
    <mergeCell ref="M38:N38"/>
    <mergeCell ref="M6:P6"/>
    <mergeCell ref="C14:D14"/>
    <mergeCell ref="C16:D16"/>
    <mergeCell ref="C18:D18"/>
    <mergeCell ref="B24:D24"/>
    <mergeCell ref="C12:D12"/>
    <mergeCell ref="C20:D20"/>
    <mergeCell ref="E12:G12"/>
    <mergeCell ref="C116:G119"/>
    <mergeCell ref="I116:J119"/>
    <mergeCell ref="L116:O118"/>
    <mergeCell ref="L119:O119"/>
    <mergeCell ref="F69:G70"/>
    <mergeCell ref="M70:P70"/>
    <mergeCell ref="C113:F113"/>
    <mergeCell ref="C115:G115"/>
    <mergeCell ref="E82:F82"/>
    <mergeCell ref="E83:F83"/>
    <mergeCell ref="J75:P75"/>
    <mergeCell ref="I115:J115"/>
    <mergeCell ref="L115:O115"/>
  </mergeCells>
  <printOptions horizontalCentered="1" verticalCentered="1"/>
  <pageMargins left="0.70866141732283472" right="0.70866141732283472" top="0.74803149606299213" bottom="0.74803149606299213" header="0.31496062992125984" footer="0.31496062992125984"/>
  <pageSetup scale="43" orientation="portrait" r:id="rId1"/>
  <ignoredErrors>
    <ignoredError sqref="E7 E9 E12 E14 E18 E25:E37 F25:F37 D38:F39 D40:D41 F40:F41 E49:E52 E55:E60 E63:E69 F52 F60 F69 J48 J75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881B83-2B73-48F0-B2B2-AC0BD5144D8C}">
  <sheetPr codeName="cuestion"/>
  <dimension ref="A1:G19"/>
  <sheetViews>
    <sheetView showGridLines="0" showRowColHeaders="0" tabSelected="1" zoomScale="80" zoomScaleNormal="80" workbookViewId="0"/>
  </sheetViews>
  <sheetFormatPr baseColWidth="10" defaultColWidth="0" defaultRowHeight="14" customHeight="1" zeroHeight="1" x14ac:dyDescent="0.35"/>
  <cols>
    <col min="1" max="6" width="10.90625" customWidth="1"/>
    <col min="7" max="7" width="2.90625" customWidth="1"/>
    <col min="8" max="14" width="10.90625" hidden="1" customWidth="1"/>
    <col min="15" max="16384" width="10.90625" hidden="1"/>
  </cols>
  <sheetData>
    <row r="1" spans="1:6" ht="14" customHeight="1" x14ac:dyDescent="0.35"/>
    <row r="2" spans="1:6" ht="14" customHeight="1" x14ac:dyDescent="0.35"/>
    <row r="3" spans="1:6" ht="14" customHeight="1" x14ac:dyDescent="0.45">
      <c r="A3" s="96"/>
      <c r="B3" s="96"/>
      <c r="C3" s="96"/>
      <c r="D3" s="96"/>
      <c r="E3" s="96"/>
      <c r="F3" s="96"/>
    </row>
    <row r="4" spans="1:6" ht="14" customHeight="1" x14ac:dyDescent="0.45">
      <c r="A4" s="96"/>
      <c r="B4" s="96"/>
      <c r="C4" s="96"/>
      <c r="D4" s="96"/>
      <c r="E4" s="96"/>
      <c r="F4" s="96"/>
    </row>
    <row r="5" spans="1:6" ht="14" customHeight="1" x14ac:dyDescent="0.45">
      <c r="A5" s="96"/>
      <c r="B5" s="96"/>
      <c r="C5" s="96"/>
      <c r="D5" s="96"/>
      <c r="E5" s="96"/>
      <c r="F5" s="96"/>
    </row>
    <row r="6" spans="1:6" ht="14" customHeight="1" x14ac:dyDescent="0.35"/>
    <row r="7" spans="1:6" ht="14" customHeight="1" x14ac:dyDescent="0.35"/>
    <row r="8" spans="1:6" ht="14" customHeight="1" x14ac:dyDescent="0.35"/>
    <row r="9" spans="1:6" ht="14" customHeight="1" x14ac:dyDescent="0.35"/>
    <row r="10" spans="1:6" ht="14" customHeight="1" x14ac:dyDescent="0.35"/>
    <row r="11" spans="1:6" ht="14" customHeight="1" x14ac:dyDescent="0.35"/>
    <row r="12" spans="1:6" ht="14" customHeight="1" x14ac:dyDescent="0.35"/>
    <row r="13" spans="1:6" ht="14" customHeight="1" x14ac:dyDescent="0.35"/>
    <row r="14" spans="1:6" ht="14" customHeight="1" x14ac:dyDescent="0.35"/>
    <row r="15" spans="1:6" ht="14" customHeight="1" x14ac:dyDescent="0.35"/>
    <row r="16" spans="1:6" ht="14" customHeight="1" x14ac:dyDescent="0.35"/>
    <row r="17" spans="1:4" ht="14" customHeight="1" x14ac:dyDescent="0.35"/>
    <row r="18" spans="1:4" ht="14" customHeight="1" x14ac:dyDescent="0.35"/>
    <row r="19" spans="1:4" ht="14" customHeight="1" x14ac:dyDescent="0.35">
      <c r="A19" s="337">
        <f ca="1">+TODAY()</f>
        <v>44624</v>
      </c>
      <c r="B19" s="337"/>
      <c r="C19" s="337"/>
      <c r="D19" s="337"/>
    </row>
  </sheetData>
  <sheetProtection algorithmName="SHA-512" hashValue="LsXda/EY0d/3hBUVgxaMl5x3SuYjYUpsewmzu4H0D8k70rxudRn5/RIF99ciVoQsLjcYkThqzwx0ta0C5Mx49A==" saltValue="txtmnnZDf2kYoTjVhNJ1Vg==" spinCount="100000" sheet="1" objects="1" scenarios="1" selectLockedCells="1" selectUnlockedCells="1"/>
  <mergeCells count="1">
    <mergeCell ref="A19:D19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1</vt:i4>
      </vt:variant>
      <vt:variant>
        <vt:lpstr>Rangos con nombre</vt:lpstr>
      </vt:variant>
      <vt:variant>
        <vt:i4>7</vt:i4>
      </vt:variant>
    </vt:vector>
  </HeadingPairs>
  <TitlesOfParts>
    <vt:vector size="8" baseType="lpstr">
      <vt:lpstr>Presupuesto y Programa de Obra</vt:lpstr>
      <vt:lpstr>Edos_Mpios!Área_de_extracción</vt:lpstr>
      <vt:lpstr>Filtro_Edo_Mpios!Área_de_extracción</vt:lpstr>
      <vt:lpstr>Diagrama!Área_de_impresión</vt:lpstr>
      <vt:lpstr>Solicitud!Área_de_impresión</vt:lpstr>
      <vt:lpstr>Edos_Mpios!Criterios</vt:lpstr>
      <vt:lpstr>Filtro_Edo_Mpios!Criterios</vt:lpstr>
      <vt:lpstr>DB_EDO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sales Cortes, Jorge Arturo</dc:creator>
  <cp:lastModifiedBy>Elias, Lucy</cp:lastModifiedBy>
  <cp:lastPrinted>2021-07-09T17:37:50Z</cp:lastPrinted>
  <dcterms:created xsi:type="dcterms:W3CDTF">2021-05-28T05:15:33Z</dcterms:created>
  <dcterms:modified xsi:type="dcterms:W3CDTF">2022-03-05T00:06:33Z</dcterms:modified>
</cp:coreProperties>
</file>